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charts/chart1.xml" ContentType="application/vnd.openxmlformats-officedocument.drawingml.chart+xml"/>
  <Override PartName="/xl/charts/style1.xml" ContentType="application/vnd.ms-office.chartstyle+xml"/>
  <Override PartName="/xl/charts/colors1.xml" ContentType="application/vnd.ms-office.chartcolorstyl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C:\Users\i7\Desktop\WWW- IHP\Data\EksULFGG\LizimeterVelik\"/>
    </mc:Choice>
  </mc:AlternateContent>
  <bookViews>
    <workbookView xWindow="0" yWindow="0" windowWidth="17970" windowHeight="10785"/>
  </bookViews>
  <sheets>
    <sheet name="Lizimeter" sheetId="4" r:id="rId1"/>
  </sheets>
  <calcPr calcId="152511"/>
</workbook>
</file>

<file path=xl/sharedStrings.xml><?xml version="1.0" encoding="utf-8"?>
<sst xmlns="http://schemas.openxmlformats.org/spreadsheetml/2006/main" count="5" uniqueCount="5">
  <si>
    <t>Pronicanje padavin [mm]</t>
  </si>
  <si>
    <t>Pronicanje padavin [l]</t>
  </si>
  <si>
    <t xml:space="preserve">Datum </t>
  </si>
  <si>
    <t>Ura</t>
  </si>
  <si>
    <t>Lizimeter Ljubljana H28, Φ 0.8 m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1">
    <numFmt numFmtId="164" formatCode="[$-F400]h:mm:ss\ AM/PM"/>
  </numFmts>
  <fonts count="19" x14ac:knownFonts="1">
    <font>
      <sz val="11"/>
      <color theme="1"/>
      <name val="Calibri"/>
      <family val="2"/>
      <charset val="238"/>
      <scheme val="minor"/>
    </font>
    <font>
      <sz val="11"/>
      <color theme="1"/>
      <name val="Calibri"/>
      <family val="2"/>
      <charset val="238"/>
      <scheme val="minor"/>
    </font>
    <font>
      <sz val="18"/>
      <color theme="3"/>
      <name val="Calibri Light"/>
      <family val="2"/>
      <charset val="238"/>
      <scheme val="major"/>
    </font>
    <font>
      <b/>
      <sz val="15"/>
      <color theme="3"/>
      <name val="Calibri"/>
      <family val="2"/>
      <charset val="238"/>
      <scheme val="minor"/>
    </font>
    <font>
      <b/>
      <sz val="13"/>
      <color theme="3"/>
      <name val="Calibri"/>
      <family val="2"/>
      <charset val="238"/>
      <scheme val="minor"/>
    </font>
    <font>
      <b/>
      <sz val="11"/>
      <color theme="3"/>
      <name val="Calibri"/>
      <family val="2"/>
      <charset val="238"/>
      <scheme val="minor"/>
    </font>
    <font>
      <sz val="11"/>
      <color rgb="FF006100"/>
      <name val="Calibri"/>
      <family val="2"/>
      <charset val="238"/>
      <scheme val="minor"/>
    </font>
    <font>
      <sz val="11"/>
      <color rgb="FF9C0006"/>
      <name val="Calibri"/>
      <family val="2"/>
      <charset val="238"/>
      <scheme val="minor"/>
    </font>
    <font>
      <sz val="11"/>
      <color rgb="FF9C6500"/>
      <name val="Calibri"/>
      <family val="2"/>
      <charset val="238"/>
      <scheme val="minor"/>
    </font>
    <font>
      <sz val="11"/>
      <color rgb="FF3F3F76"/>
      <name val="Calibri"/>
      <family val="2"/>
      <charset val="238"/>
      <scheme val="minor"/>
    </font>
    <font>
      <b/>
      <sz val="11"/>
      <color rgb="FF3F3F3F"/>
      <name val="Calibri"/>
      <family val="2"/>
      <charset val="238"/>
      <scheme val="minor"/>
    </font>
    <font>
      <b/>
      <sz val="11"/>
      <color rgb="FFFA7D00"/>
      <name val="Calibri"/>
      <family val="2"/>
      <charset val="238"/>
      <scheme val="minor"/>
    </font>
    <font>
      <sz val="11"/>
      <color rgb="FFFA7D00"/>
      <name val="Calibri"/>
      <family val="2"/>
      <charset val="238"/>
      <scheme val="minor"/>
    </font>
    <font>
      <b/>
      <sz val="11"/>
      <color theme="0"/>
      <name val="Calibri"/>
      <family val="2"/>
      <charset val="238"/>
      <scheme val="minor"/>
    </font>
    <font>
      <sz val="11"/>
      <color rgb="FFFF0000"/>
      <name val="Calibri"/>
      <family val="2"/>
      <charset val="238"/>
      <scheme val="minor"/>
    </font>
    <font>
      <i/>
      <sz val="11"/>
      <color rgb="FF7F7F7F"/>
      <name val="Calibri"/>
      <family val="2"/>
      <charset val="238"/>
      <scheme val="minor"/>
    </font>
    <font>
      <b/>
      <sz val="11"/>
      <color theme="1"/>
      <name val="Calibri"/>
      <family val="2"/>
      <charset val="238"/>
      <scheme val="minor"/>
    </font>
    <font>
      <sz val="11"/>
      <color theme="0"/>
      <name val="Calibri"/>
      <family val="2"/>
      <charset val="238"/>
      <scheme val="minor"/>
    </font>
    <font>
      <sz val="11"/>
      <color theme="1"/>
      <name val="Calibri"/>
      <family val="2"/>
      <charset val="238"/>
    </font>
  </fonts>
  <fills count="33">
    <fill>
      <patternFill patternType="none"/>
    </fill>
    <fill>
      <patternFill patternType="gray125"/>
    </fill>
    <fill>
      <patternFill patternType="solid">
        <fgColor rgb="FFC6EFCE"/>
      </patternFill>
    </fill>
    <fill>
      <patternFill patternType="solid">
        <fgColor rgb="FFFFC7CE"/>
      </patternFill>
    </fill>
    <fill>
      <patternFill patternType="solid">
        <fgColor rgb="FFFFEB9C"/>
      </patternFill>
    </fill>
    <fill>
      <patternFill patternType="solid">
        <fgColor rgb="FFFFCC99"/>
      </patternFill>
    </fill>
    <fill>
      <patternFill patternType="solid">
        <fgColor rgb="FFF2F2F2"/>
      </patternFill>
    </fill>
    <fill>
      <patternFill patternType="solid">
        <fgColor rgb="FFA5A5A5"/>
      </patternFill>
    </fill>
    <fill>
      <patternFill patternType="solid">
        <fgColor rgb="FFFFFFCC"/>
      </patternFill>
    </fill>
    <fill>
      <patternFill patternType="solid">
        <fgColor theme="4"/>
      </patternFill>
    </fill>
    <fill>
      <patternFill patternType="solid">
        <fgColor theme="4" tint="0.79998168889431442"/>
        <bgColor indexed="65"/>
      </patternFill>
    </fill>
    <fill>
      <patternFill patternType="solid">
        <fgColor theme="4" tint="0.59999389629810485"/>
        <bgColor indexed="65"/>
      </patternFill>
    </fill>
    <fill>
      <patternFill patternType="solid">
        <fgColor theme="4" tint="0.39997558519241921"/>
        <bgColor indexed="65"/>
      </patternFill>
    </fill>
    <fill>
      <patternFill patternType="solid">
        <fgColor theme="5"/>
      </patternFill>
    </fill>
    <fill>
      <patternFill patternType="solid">
        <fgColor theme="5" tint="0.79998168889431442"/>
        <bgColor indexed="65"/>
      </patternFill>
    </fill>
    <fill>
      <patternFill patternType="solid">
        <fgColor theme="5" tint="0.59999389629810485"/>
        <bgColor indexed="65"/>
      </patternFill>
    </fill>
    <fill>
      <patternFill patternType="solid">
        <fgColor theme="5" tint="0.39997558519241921"/>
        <bgColor indexed="65"/>
      </patternFill>
    </fill>
    <fill>
      <patternFill patternType="solid">
        <fgColor theme="6"/>
      </patternFill>
    </fill>
    <fill>
      <patternFill patternType="solid">
        <fgColor theme="6" tint="0.79998168889431442"/>
        <bgColor indexed="65"/>
      </patternFill>
    </fill>
    <fill>
      <patternFill patternType="solid">
        <fgColor theme="6" tint="0.59999389629810485"/>
        <bgColor indexed="65"/>
      </patternFill>
    </fill>
    <fill>
      <patternFill patternType="solid">
        <fgColor theme="6" tint="0.39997558519241921"/>
        <bgColor indexed="65"/>
      </patternFill>
    </fill>
    <fill>
      <patternFill patternType="solid">
        <fgColor theme="7"/>
      </patternFill>
    </fill>
    <fill>
      <patternFill patternType="solid">
        <fgColor theme="7" tint="0.79998168889431442"/>
        <bgColor indexed="65"/>
      </patternFill>
    </fill>
    <fill>
      <patternFill patternType="solid">
        <fgColor theme="7" tint="0.59999389629810485"/>
        <bgColor indexed="65"/>
      </patternFill>
    </fill>
    <fill>
      <patternFill patternType="solid">
        <fgColor theme="7" tint="0.39997558519241921"/>
        <bgColor indexed="65"/>
      </patternFill>
    </fill>
    <fill>
      <patternFill patternType="solid">
        <fgColor theme="8"/>
      </patternFill>
    </fill>
    <fill>
      <patternFill patternType="solid">
        <fgColor theme="8" tint="0.79998168889431442"/>
        <bgColor indexed="65"/>
      </patternFill>
    </fill>
    <fill>
      <patternFill patternType="solid">
        <fgColor theme="8" tint="0.59999389629810485"/>
        <bgColor indexed="65"/>
      </patternFill>
    </fill>
    <fill>
      <patternFill patternType="solid">
        <fgColor theme="8" tint="0.39997558519241921"/>
        <bgColor indexed="65"/>
      </patternFill>
    </fill>
    <fill>
      <patternFill patternType="solid">
        <fgColor theme="9"/>
      </patternFill>
    </fill>
    <fill>
      <patternFill patternType="solid">
        <fgColor theme="9" tint="0.79998168889431442"/>
        <bgColor indexed="65"/>
      </patternFill>
    </fill>
    <fill>
      <patternFill patternType="solid">
        <fgColor theme="9" tint="0.59999389629810485"/>
        <bgColor indexed="65"/>
      </patternFill>
    </fill>
    <fill>
      <patternFill patternType="solid">
        <fgColor theme="9" tint="0.39997558519241921"/>
        <bgColor indexed="65"/>
      </patternFill>
    </fill>
  </fills>
  <borders count="10">
    <border>
      <left/>
      <right/>
      <top/>
      <bottom/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984740745262"/>
      </bottom>
      <diagonal/>
    </border>
    <border>
      <left/>
      <right/>
      <top/>
      <bottom style="medium">
        <color theme="4" tint="0.39997558519241921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  <border>
      <left/>
      <right/>
      <top/>
      <bottom style="double">
        <color rgb="FFFF8001"/>
      </bottom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/>
      <right/>
      <top style="thin">
        <color theme="4"/>
      </top>
      <bottom style="double">
        <color theme="4"/>
      </bottom>
      <diagonal/>
    </border>
  </borders>
  <cellStyleXfs count="42">
    <xf numFmtId="0" fontId="0" fillId="0" borderId="0"/>
    <xf numFmtId="0" fontId="2" fillId="0" borderId="0" applyNumberFormat="0" applyFill="0" applyBorder="0" applyAlignment="0" applyProtection="0"/>
    <xf numFmtId="0" fontId="3" fillId="0" borderId="1" applyNumberFormat="0" applyFill="0" applyAlignment="0" applyProtection="0"/>
    <xf numFmtId="0" fontId="4" fillId="0" borderId="2" applyNumberFormat="0" applyFill="0" applyAlignment="0" applyProtection="0"/>
    <xf numFmtId="0" fontId="5" fillId="0" borderId="3" applyNumberFormat="0" applyFill="0" applyAlignment="0" applyProtection="0"/>
    <xf numFmtId="0" fontId="5" fillId="0" borderId="0" applyNumberFormat="0" applyFill="0" applyBorder="0" applyAlignment="0" applyProtection="0"/>
    <xf numFmtId="0" fontId="6" fillId="2" borderId="0" applyNumberFormat="0" applyBorder="0" applyAlignment="0" applyProtection="0"/>
    <xf numFmtId="0" fontId="7" fillId="3" borderId="0" applyNumberFormat="0" applyBorder="0" applyAlignment="0" applyProtection="0"/>
    <xf numFmtId="0" fontId="8" fillId="4" borderId="0" applyNumberFormat="0" applyBorder="0" applyAlignment="0" applyProtection="0"/>
    <xf numFmtId="0" fontId="9" fillId="5" borderId="4" applyNumberFormat="0" applyAlignment="0" applyProtection="0"/>
    <xf numFmtId="0" fontId="10" fillId="6" borderId="5" applyNumberFormat="0" applyAlignment="0" applyProtection="0"/>
    <xf numFmtId="0" fontId="11" fillId="6" borderId="4" applyNumberFormat="0" applyAlignment="0" applyProtection="0"/>
    <xf numFmtId="0" fontId="12" fillId="0" borderId="6" applyNumberFormat="0" applyFill="0" applyAlignment="0" applyProtection="0"/>
    <xf numFmtId="0" fontId="13" fillId="7" borderId="7" applyNumberFormat="0" applyAlignment="0" applyProtection="0"/>
    <xf numFmtId="0" fontId="14" fillId="0" borderId="0" applyNumberFormat="0" applyFill="0" applyBorder="0" applyAlignment="0" applyProtection="0"/>
    <xf numFmtId="0" fontId="1" fillId="8" borderId="8" applyNumberFormat="0" applyFont="0" applyAlignment="0" applyProtection="0"/>
    <xf numFmtId="0" fontId="15" fillId="0" borderId="0" applyNumberFormat="0" applyFill="0" applyBorder="0" applyAlignment="0" applyProtection="0"/>
    <xf numFmtId="0" fontId="16" fillId="0" borderId="9" applyNumberFormat="0" applyFill="0" applyAlignment="0" applyProtection="0"/>
    <xf numFmtId="0" fontId="17" fillId="9" borderId="0" applyNumberFormat="0" applyBorder="0" applyAlignment="0" applyProtection="0"/>
    <xf numFmtId="0" fontId="1" fillId="10" borderId="0" applyNumberFormat="0" applyBorder="0" applyAlignment="0" applyProtection="0"/>
    <xf numFmtId="0" fontId="1" fillId="11" borderId="0" applyNumberFormat="0" applyBorder="0" applyAlignment="0" applyProtection="0"/>
    <xf numFmtId="0" fontId="17" fillId="12" borderId="0" applyNumberFormat="0" applyBorder="0" applyAlignment="0" applyProtection="0"/>
    <xf numFmtId="0" fontId="17" fillId="13" borderId="0" applyNumberFormat="0" applyBorder="0" applyAlignment="0" applyProtection="0"/>
    <xf numFmtId="0" fontId="1" fillId="14" borderId="0" applyNumberFormat="0" applyBorder="0" applyAlignment="0" applyProtection="0"/>
    <xf numFmtId="0" fontId="1" fillId="15" borderId="0" applyNumberFormat="0" applyBorder="0" applyAlignment="0" applyProtection="0"/>
    <xf numFmtId="0" fontId="17" fillId="16" borderId="0" applyNumberFormat="0" applyBorder="0" applyAlignment="0" applyProtection="0"/>
    <xf numFmtId="0" fontId="17" fillId="17" borderId="0" applyNumberFormat="0" applyBorder="0" applyAlignment="0" applyProtection="0"/>
    <xf numFmtId="0" fontId="1" fillId="18" borderId="0" applyNumberFormat="0" applyBorder="0" applyAlignment="0" applyProtection="0"/>
    <xf numFmtId="0" fontId="1" fillId="19" borderId="0" applyNumberFormat="0" applyBorder="0" applyAlignment="0" applyProtection="0"/>
    <xf numFmtId="0" fontId="17" fillId="20" borderId="0" applyNumberFormat="0" applyBorder="0" applyAlignment="0" applyProtection="0"/>
    <xf numFmtId="0" fontId="17" fillId="21" borderId="0" applyNumberFormat="0" applyBorder="0" applyAlignment="0" applyProtection="0"/>
    <xf numFmtId="0" fontId="1" fillId="22" borderId="0" applyNumberFormat="0" applyBorder="0" applyAlignment="0" applyProtection="0"/>
    <xf numFmtId="0" fontId="1" fillId="23" borderId="0" applyNumberFormat="0" applyBorder="0" applyAlignment="0" applyProtection="0"/>
    <xf numFmtId="0" fontId="17" fillId="24" borderId="0" applyNumberFormat="0" applyBorder="0" applyAlignment="0" applyProtection="0"/>
    <xf numFmtId="0" fontId="17" fillId="25" borderId="0" applyNumberFormat="0" applyBorder="0" applyAlignment="0" applyProtection="0"/>
    <xf numFmtId="0" fontId="1" fillId="26" borderId="0" applyNumberFormat="0" applyBorder="0" applyAlignment="0" applyProtection="0"/>
    <xf numFmtId="0" fontId="1" fillId="27" borderId="0" applyNumberFormat="0" applyBorder="0" applyAlignment="0" applyProtection="0"/>
    <xf numFmtId="0" fontId="17" fillId="28" borderId="0" applyNumberFormat="0" applyBorder="0" applyAlignment="0" applyProtection="0"/>
    <xf numFmtId="0" fontId="17" fillId="29" borderId="0" applyNumberFormat="0" applyBorder="0" applyAlignment="0" applyProtection="0"/>
    <xf numFmtId="0" fontId="1" fillId="30" borderId="0" applyNumberFormat="0" applyBorder="0" applyAlignment="0" applyProtection="0"/>
    <xf numFmtId="0" fontId="1" fillId="31" borderId="0" applyNumberFormat="0" applyBorder="0" applyAlignment="0" applyProtection="0"/>
    <xf numFmtId="0" fontId="17" fillId="32" borderId="0" applyNumberFormat="0" applyBorder="0" applyAlignment="0" applyProtection="0"/>
  </cellStyleXfs>
  <cellXfs count="5">
    <xf numFmtId="0" fontId="0" fillId="0" borderId="0" xfId="0"/>
    <xf numFmtId="14" fontId="0" fillId="0" borderId="0" xfId="0" applyNumberFormat="1"/>
    <xf numFmtId="164" fontId="0" fillId="0" borderId="0" xfId="0" applyNumberFormat="1"/>
    <xf numFmtId="0" fontId="18" fillId="0" borderId="0" xfId="0" applyFont="1"/>
    <xf numFmtId="14" fontId="16" fillId="0" borderId="0" xfId="0" applyNumberFormat="1" applyFont="1"/>
  </cellXfs>
  <cellStyles count="42">
    <cellStyle name="20% - Accent1" xfId="19" builtinId="30" customBuiltin="1"/>
    <cellStyle name="20% - Accent2" xfId="23" builtinId="34" customBuiltin="1"/>
    <cellStyle name="20% - Accent3" xfId="27" builtinId="38" customBuiltin="1"/>
    <cellStyle name="20% - Accent4" xfId="31" builtinId="42" customBuiltin="1"/>
    <cellStyle name="20% - Accent5" xfId="35" builtinId="46" customBuiltin="1"/>
    <cellStyle name="20% - Accent6" xfId="39" builtinId="50" customBuiltin="1"/>
    <cellStyle name="40% - Accent1" xfId="20" builtinId="31" customBuiltin="1"/>
    <cellStyle name="40% - Accent2" xfId="24" builtinId="35" customBuiltin="1"/>
    <cellStyle name="40% - Accent3" xfId="28" builtinId="39" customBuiltin="1"/>
    <cellStyle name="40% - Accent4" xfId="32" builtinId="43" customBuiltin="1"/>
    <cellStyle name="40% - Accent5" xfId="36" builtinId="47" customBuiltin="1"/>
    <cellStyle name="40% - Accent6" xfId="40" builtinId="51" customBuiltin="1"/>
    <cellStyle name="60% - Accent1" xfId="21" builtinId="32" customBuiltin="1"/>
    <cellStyle name="60% - Accent2" xfId="25" builtinId="36" customBuiltin="1"/>
    <cellStyle name="60% - Accent3" xfId="29" builtinId="40" customBuiltin="1"/>
    <cellStyle name="60% - Accent4" xfId="33" builtinId="44" customBuiltin="1"/>
    <cellStyle name="60% - Accent5" xfId="37" builtinId="48" customBuiltin="1"/>
    <cellStyle name="60% - Accent6" xfId="41" builtinId="52" customBuiltin="1"/>
    <cellStyle name="Accent1" xfId="18" builtinId="29" customBuiltin="1"/>
    <cellStyle name="Accent2" xfId="22" builtinId="33" customBuiltin="1"/>
    <cellStyle name="Accent3" xfId="26" builtinId="37" customBuiltin="1"/>
    <cellStyle name="Accent4" xfId="30" builtinId="41" customBuiltin="1"/>
    <cellStyle name="Accent5" xfId="34" builtinId="45" customBuiltin="1"/>
    <cellStyle name="Accent6" xfId="38" builtinId="49" customBuiltin="1"/>
    <cellStyle name="Bad" xfId="7" builtinId="27" customBuiltin="1"/>
    <cellStyle name="Calculation" xfId="11" builtinId="22" customBuiltin="1"/>
    <cellStyle name="Check Cell" xfId="13" builtinId="23" customBuiltin="1"/>
    <cellStyle name="Explanatory Text" xfId="16" builtinId="53" customBuiltin="1"/>
    <cellStyle name="Good" xfId="6" builtinId="26" customBuiltin="1"/>
    <cellStyle name="Heading 1" xfId="2" builtinId="16" customBuiltin="1"/>
    <cellStyle name="Heading 2" xfId="3" builtinId="17" customBuiltin="1"/>
    <cellStyle name="Heading 3" xfId="4" builtinId="18" customBuiltin="1"/>
    <cellStyle name="Heading 4" xfId="5" builtinId="19" customBuiltin="1"/>
    <cellStyle name="Input" xfId="9" builtinId="20" customBuiltin="1"/>
    <cellStyle name="Linked Cell" xfId="12" builtinId="24" customBuiltin="1"/>
    <cellStyle name="Neutral" xfId="8" builtinId="28" customBuiltin="1"/>
    <cellStyle name="Normal" xfId="0" builtinId="0"/>
    <cellStyle name="Note" xfId="15" builtinId="10" customBuiltin="1"/>
    <cellStyle name="Output" xfId="10" builtinId="21" customBuiltin="1"/>
    <cellStyle name="Title" xfId="1" builtinId="15" customBuiltin="1"/>
    <cellStyle name="Total" xfId="17" builtinId="25" customBuiltin="1"/>
    <cellStyle name="Warning Text" xfId="14" builtinId="11" customBuiltin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charts/_rels/chart1.xml.rels><?xml version="1.0" encoding="UTF-8" standalone="yes"?>
<Relationships xmlns="http://schemas.openxmlformats.org/package/2006/relationships"><Relationship Id="rId2" Type="http://schemas.microsoft.com/office/2011/relationships/chartColorStyle" Target="colors1.xml"/><Relationship Id="rId1" Type="http://schemas.microsoft.com/office/2011/relationships/chartStyle" Target="style1.xml"/></Relationships>
</file>

<file path=xl/charts/chart1.xml><?xml version="1.0" encoding="utf-8"?>
<c:chartSpace xmlns:c="http://schemas.openxmlformats.org/drawingml/2006/chart" xmlns:a="http://schemas.openxmlformats.org/drawingml/2006/main" xmlns:r="http://schemas.openxmlformats.org/officeDocument/2006/relationships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tx>
        <c:rich>
          <a:bodyPr rot="0" spcFirstLastPara="1" vertOverflow="ellipsis" vert="horz" wrap="square" anchor="ctr" anchorCtr="1"/>
          <a:lstStyle/>
          <a:p>
            <a:pPr>
              <a:defRPr sz="1400" b="0" i="0" u="none" strike="noStrike" kern="1200" spc="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r>
              <a:rPr lang="sl-SI"/>
              <a:t>Iztok padavin iz lizimetra</a:t>
            </a:r>
          </a:p>
        </c:rich>
      </c:tx>
      <c:layout/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1400" b="0" i="0" u="none" strike="noStrike" kern="1200" spc="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en-US"/>
        </a:p>
      </c:txPr>
    </c:title>
    <c:autoTitleDeleted val="0"/>
    <c:plotArea>
      <c:layout/>
      <c:lineChart>
        <c:grouping val="standard"/>
        <c:varyColors val="0"/>
        <c:ser>
          <c:idx val="0"/>
          <c:order val="0"/>
          <c:spPr>
            <a:ln w="28575" cap="rnd">
              <a:solidFill>
                <a:schemeClr val="accent1"/>
              </a:solidFill>
              <a:round/>
            </a:ln>
            <a:effectLst/>
          </c:spPr>
          <c:marker>
            <c:symbol val="none"/>
          </c:marker>
          <c:cat>
            <c:numRef>
              <c:f>Lizimeter!$A$5:$A$3645</c:f>
              <c:numCache>
                <c:formatCode>m/d/yyyy</c:formatCode>
                <c:ptCount val="3641"/>
                <c:pt idx="0">
                  <c:v>41754</c:v>
                </c:pt>
                <c:pt idx="1">
                  <c:v>41754</c:v>
                </c:pt>
                <c:pt idx="2">
                  <c:v>41754</c:v>
                </c:pt>
                <c:pt idx="3">
                  <c:v>41754</c:v>
                </c:pt>
                <c:pt idx="4">
                  <c:v>41754</c:v>
                </c:pt>
                <c:pt idx="5">
                  <c:v>41754</c:v>
                </c:pt>
                <c:pt idx="6">
                  <c:v>41754</c:v>
                </c:pt>
                <c:pt idx="7">
                  <c:v>41754</c:v>
                </c:pt>
                <c:pt idx="8">
                  <c:v>41754</c:v>
                </c:pt>
                <c:pt idx="9">
                  <c:v>41754</c:v>
                </c:pt>
                <c:pt idx="10">
                  <c:v>41754</c:v>
                </c:pt>
                <c:pt idx="11">
                  <c:v>41755</c:v>
                </c:pt>
                <c:pt idx="12">
                  <c:v>41755</c:v>
                </c:pt>
                <c:pt idx="13">
                  <c:v>41755</c:v>
                </c:pt>
                <c:pt idx="14">
                  <c:v>41755</c:v>
                </c:pt>
                <c:pt idx="15">
                  <c:v>41755</c:v>
                </c:pt>
                <c:pt idx="16">
                  <c:v>41755</c:v>
                </c:pt>
                <c:pt idx="17">
                  <c:v>41755</c:v>
                </c:pt>
                <c:pt idx="18">
                  <c:v>41756</c:v>
                </c:pt>
                <c:pt idx="19">
                  <c:v>41756</c:v>
                </c:pt>
                <c:pt idx="20">
                  <c:v>41756</c:v>
                </c:pt>
                <c:pt idx="21">
                  <c:v>41756</c:v>
                </c:pt>
                <c:pt idx="22">
                  <c:v>41756</c:v>
                </c:pt>
                <c:pt idx="23">
                  <c:v>41756</c:v>
                </c:pt>
                <c:pt idx="24">
                  <c:v>41756</c:v>
                </c:pt>
                <c:pt idx="25">
                  <c:v>41756</c:v>
                </c:pt>
                <c:pt idx="26">
                  <c:v>41756</c:v>
                </c:pt>
                <c:pt idx="27">
                  <c:v>41756</c:v>
                </c:pt>
                <c:pt idx="28">
                  <c:v>41756</c:v>
                </c:pt>
                <c:pt idx="29">
                  <c:v>41756</c:v>
                </c:pt>
                <c:pt idx="30">
                  <c:v>41756</c:v>
                </c:pt>
                <c:pt idx="31">
                  <c:v>41756</c:v>
                </c:pt>
                <c:pt idx="32">
                  <c:v>41756</c:v>
                </c:pt>
                <c:pt idx="33">
                  <c:v>41756</c:v>
                </c:pt>
                <c:pt idx="34">
                  <c:v>41756</c:v>
                </c:pt>
                <c:pt idx="35">
                  <c:v>41756</c:v>
                </c:pt>
                <c:pt idx="36">
                  <c:v>41756</c:v>
                </c:pt>
                <c:pt idx="37">
                  <c:v>41756</c:v>
                </c:pt>
                <c:pt idx="38">
                  <c:v>41756</c:v>
                </c:pt>
                <c:pt idx="39">
                  <c:v>41756</c:v>
                </c:pt>
                <c:pt idx="40">
                  <c:v>41756</c:v>
                </c:pt>
                <c:pt idx="41">
                  <c:v>41756</c:v>
                </c:pt>
                <c:pt idx="42">
                  <c:v>41756</c:v>
                </c:pt>
                <c:pt idx="43">
                  <c:v>41756</c:v>
                </c:pt>
                <c:pt idx="44">
                  <c:v>41756</c:v>
                </c:pt>
                <c:pt idx="45">
                  <c:v>41756</c:v>
                </c:pt>
                <c:pt idx="46">
                  <c:v>41756</c:v>
                </c:pt>
                <c:pt idx="47">
                  <c:v>41756</c:v>
                </c:pt>
                <c:pt idx="48">
                  <c:v>41756</c:v>
                </c:pt>
                <c:pt idx="49">
                  <c:v>41756</c:v>
                </c:pt>
                <c:pt idx="50">
                  <c:v>41756</c:v>
                </c:pt>
                <c:pt idx="51">
                  <c:v>41756</c:v>
                </c:pt>
                <c:pt idx="52">
                  <c:v>41756</c:v>
                </c:pt>
                <c:pt idx="53">
                  <c:v>41756</c:v>
                </c:pt>
                <c:pt idx="54">
                  <c:v>41756</c:v>
                </c:pt>
                <c:pt idx="55">
                  <c:v>41756</c:v>
                </c:pt>
                <c:pt idx="56">
                  <c:v>41756</c:v>
                </c:pt>
                <c:pt idx="57">
                  <c:v>41756</c:v>
                </c:pt>
                <c:pt idx="58">
                  <c:v>41756</c:v>
                </c:pt>
                <c:pt idx="59">
                  <c:v>41756</c:v>
                </c:pt>
                <c:pt idx="60">
                  <c:v>41756</c:v>
                </c:pt>
                <c:pt idx="61">
                  <c:v>41756</c:v>
                </c:pt>
                <c:pt idx="62">
                  <c:v>41756</c:v>
                </c:pt>
                <c:pt idx="63">
                  <c:v>41756</c:v>
                </c:pt>
                <c:pt idx="64">
                  <c:v>41756</c:v>
                </c:pt>
                <c:pt idx="65">
                  <c:v>41756</c:v>
                </c:pt>
                <c:pt idx="66">
                  <c:v>41756</c:v>
                </c:pt>
                <c:pt idx="67">
                  <c:v>41756</c:v>
                </c:pt>
                <c:pt idx="68">
                  <c:v>41756</c:v>
                </c:pt>
                <c:pt idx="69">
                  <c:v>41756</c:v>
                </c:pt>
                <c:pt idx="70">
                  <c:v>41756</c:v>
                </c:pt>
                <c:pt idx="71">
                  <c:v>41756</c:v>
                </c:pt>
                <c:pt idx="72">
                  <c:v>41756</c:v>
                </c:pt>
                <c:pt idx="73">
                  <c:v>41756</c:v>
                </c:pt>
                <c:pt idx="74">
                  <c:v>41756</c:v>
                </c:pt>
                <c:pt idx="75">
                  <c:v>41756</c:v>
                </c:pt>
                <c:pt idx="76">
                  <c:v>41756</c:v>
                </c:pt>
                <c:pt idx="77">
                  <c:v>41756</c:v>
                </c:pt>
                <c:pt idx="78">
                  <c:v>41756</c:v>
                </c:pt>
                <c:pt idx="79">
                  <c:v>41756</c:v>
                </c:pt>
                <c:pt idx="80">
                  <c:v>41756</c:v>
                </c:pt>
                <c:pt idx="81">
                  <c:v>41756</c:v>
                </c:pt>
                <c:pt idx="82">
                  <c:v>41756</c:v>
                </c:pt>
                <c:pt idx="83">
                  <c:v>41756</c:v>
                </c:pt>
                <c:pt idx="84">
                  <c:v>41756</c:v>
                </c:pt>
                <c:pt idx="85">
                  <c:v>41756</c:v>
                </c:pt>
                <c:pt idx="86">
                  <c:v>41756</c:v>
                </c:pt>
                <c:pt idx="87">
                  <c:v>41756</c:v>
                </c:pt>
                <c:pt idx="88">
                  <c:v>41756</c:v>
                </c:pt>
                <c:pt idx="89">
                  <c:v>41756</c:v>
                </c:pt>
                <c:pt idx="90">
                  <c:v>41756</c:v>
                </c:pt>
                <c:pt idx="91">
                  <c:v>41756</c:v>
                </c:pt>
                <c:pt idx="92">
                  <c:v>41756</c:v>
                </c:pt>
                <c:pt idx="93">
                  <c:v>41756</c:v>
                </c:pt>
                <c:pt idx="94">
                  <c:v>41756</c:v>
                </c:pt>
                <c:pt idx="95">
                  <c:v>41756</c:v>
                </c:pt>
                <c:pt idx="96">
                  <c:v>41756</c:v>
                </c:pt>
                <c:pt idx="97">
                  <c:v>41756</c:v>
                </c:pt>
                <c:pt idx="98">
                  <c:v>41756</c:v>
                </c:pt>
                <c:pt idx="99">
                  <c:v>41756</c:v>
                </c:pt>
                <c:pt idx="100">
                  <c:v>41756</c:v>
                </c:pt>
                <c:pt idx="101">
                  <c:v>41756</c:v>
                </c:pt>
                <c:pt idx="102">
                  <c:v>41756</c:v>
                </c:pt>
                <c:pt idx="103">
                  <c:v>41756</c:v>
                </c:pt>
                <c:pt idx="104">
                  <c:v>41756</c:v>
                </c:pt>
                <c:pt idx="105">
                  <c:v>41756</c:v>
                </c:pt>
                <c:pt idx="106">
                  <c:v>41756</c:v>
                </c:pt>
                <c:pt idx="107">
                  <c:v>41756</c:v>
                </c:pt>
                <c:pt idx="108">
                  <c:v>41756</c:v>
                </c:pt>
                <c:pt idx="109">
                  <c:v>41756</c:v>
                </c:pt>
                <c:pt idx="110">
                  <c:v>41756</c:v>
                </c:pt>
                <c:pt idx="111">
                  <c:v>41756</c:v>
                </c:pt>
                <c:pt idx="112">
                  <c:v>41756</c:v>
                </c:pt>
                <c:pt idx="113">
                  <c:v>41756</c:v>
                </c:pt>
                <c:pt idx="114">
                  <c:v>41756</c:v>
                </c:pt>
                <c:pt idx="115">
                  <c:v>41756</c:v>
                </c:pt>
                <c:pt idx="116">
                  <c:v>41756</c:v>
                </c:pt>
                <c:pt idx="117">
                  <c:v>41756</c:v>
                </c:pt>
                <c:pt idx="118">
                  <c:v>41756</c:v>
                </c:pt>
                <c:pt idx="119">
                  <c:v>41756</c:v>
                </c:pt>
                <c:pt idx="120">
                  <c:v>41756</c:v>
                </c:pt>
                <c:pt idx="121">
                  <c:v>41756</c:v>
                </c:pt>
                <c:pt idx="122">
                  <c:v>41756</c:v>
                </c:pt>
                <c:pt idx="123">
                  <c:v>41756</c:v>
                </c:pt>
                <c:pt idx="124">
                  <c:v>41756</c:v>
                </c:pt>
                <c:pt idx="125">
                  <c:v>41756</c:v>
                </c:pt>
                <c:pt idx="126">
                  <c:v>41756</c:v>
                </c:pt>
                <c:pt idx="127">
                  <c:v>41756</c:v>
                </c:pt>
                <c:pt idx="128">
                  <c:v>41756</c:v>
                </c:pt>
                <c:pt idx="129">
                  <c:v>41756</c:v>
                </c:pt>
                <c:pt idx="130">
                  <c:v>41756</c:v>
                </c:pt>
                <c:pt idx="131">
                  <c:v>41756</c:v>
                </c:pt>
                <c:pt idx="132">
                  <c:v>41756</c:v>
                </c:pt>
                <c:pt idx="133">
                  <c:v>41756</c:v>
                </c:pt>
                <c:pt idx="134">
                  <c:v>41756</c:v>
                </c:pt>
                <c:pt idx="135">
                  <c:v>41756</c:v>
                </c:pt>
                <c:pt idx="136">
                  <c:v>41756</c:v>
                </c:pt>
                <c:pt idx="137">
                  <c:v>41756</c:v>
                </c:pt>
                <c:pt idx="138">
                  <c:v>41756</c:v>
                </c:pt>
                <c:pt idx="139">
                  <c:v>41756</c:v>
                </c:pt>
                <c:pt idx="140">
                  <c:v>41756</c:v>
                </c:pt>
                <c:pt idx="141">
                  <c:v>41756</c:v>
                </c:pt>
                <c:pt idx="142">
                  <c:v>41756</c:v>
                </c:pt>
                <c:pt idx="143">
                  <c:v>41756</c:v>
                </c:pt>
                <c:pt idx="144">
                  <c:v>41756</c:v>
                </c:pt>
                <c:pt idx="145">
                  <c:v>41756</c:v>
                </c:pt>
                <c:pt idx="146">
                  <c:v>41756</c:v>
                </c:pt>
                <c:pt idx="147">
                  <c:v>41756</c:v>
                </c:pt>
                <c:pt idx="148">
                  <c:v>41756</c:v>
                </c:pt>
                <c:pt idx="149">
                  <c:v>41756</c:v>
                </c:pt>
                <c:pt idx="150">
                  <c:v>41756</c:v>
                </c:pt>
                <c:pt idx="151">
                  <c:v>41756</c:v>
                </c:pt>
                <c:pt idx="152">
                  <c:v>41756</c:v>
                </c:pt>
                <c:pt idx="153">
                  <c:v>41756</c:v>
                </c:pt>
                <c:pt idx="154">
                  <c:v>41756</c:v>
                </c:pt>
                <c:pt idx="155">
                  <c:v>41756</c:v>
                </c:pt>
                <c:pt idx="156">
                  <c:v>41756</c:v>
                </c:pt>
                <c:pt idx="157">
                  <c:v>41756</c:v>
                </c:pt>
                <c:pt idx="158">
                  <c:v>41756</c:v>
                </c:pt>
                <c:pt idx="159">
                  <c:v>41756</c:v>
                </c:pt>
                <c:pt idx="160">
                  <c:v>41757</c:v>
                </c:pt>
                <c:pt idx="161">
                  <c:v>41757</c:v>
                </c:pt>
                <c:pt idx="162">
                  <c:v>41757</c:v>
                </c:pt>
                <c:pt idx="163">
                  <c:v>41757</c:v>
                </c:pt>
                <c:pt idx="164">
                  <c:v>41757</c:v>
                </c:pt>
                <c:pt idx="165">
                  <c:v>41757</c:v>
                </c:pt>
                <c:pt idx="166">
                  <c:v>41757</c:v>
                </c:pt>
                <c:pt idx="167">
                  <c:v>41757</c:v>
                </c:pt>
                <c:pt idx="168">
                  <c:v>41757</c:v>
                </c:pt>
                <c:pt idx="169">
                  <c:v>41757</c:v>
                </c:pt>
                <c:pt idx="170">
                  <c:v>41757</c:v>
                </c:pt>
                <c:pt idx="171">
                  <c:v>41757</c:v>
                </c:pt>
                <c:pt idx="172">
                  <c:v>41757</c:v>
                </c:pt>
                <c:pt idx="173">
                  <c:v>41757</c:v>
                </c:pt>
                <c:pt idx="174">
                  <c:v>41757</c:v>
                </c:pt>
                <c:pt idx="175">
                  <c:v>41757</c:v>
                </c:pt>
                <c:pt idx="176">
                  <c:v>41757</c:v>
                </c:pt>
                <c:pt idx="177">
                  <c:v>41757</c:v>
                </c:pt>
                <c:pt idx="178">
                  <c:v>41757</c:v>
                </c:pt>
                <c:pt idx="179">
                  <c:v>41757</c:v>
                </c:pt>
                <c:pt idx="180">
                  <c:v>41757</c:v>
                </c:pt>
                <c:pt idx="181">
                  <c:v>41757</c:v>
                </c:pt>
                <c:pt idx="182">
                  <c:v>41757</c:v>
                </c:pt>
                <c:pt idx="183">
                  <c:v>41757</c:v>
                </c:pt>
                <c:pt idx="184">
                  <c:v>41757</c:v>
                </c:pt>
                <c:pt idx="185">
                  <c:v>41757</c:v>
                </c:pt>
                <c:pt idx="186">
                  <c:v>41757</c:v>
                </c:pt>
                <c:pt idx="187">
                  <c:v>41757</c:v>
                </c:pt>
                <c:pt idx="188">
                  <c:v>41757</c:v>
                </c:pt>
                <c:pt idx="189">
                  <c:v>41757</c:v>
                </c:pt>
                <c:pt idx="190">
                  <c:v>41757</c:v>
                </c:pt>
                <c:pt idx="191">
                  <c:v>41757</c:v>
                </c:pt>
                <c:pt idx="192">
                  <c:v>41757</c:v>
                </c:pt>
                <c:pt idx="193">
                  <c:v>41757</c:v>
                </c:pt>
                <c:pt idx="194">
                  <c:v>41757</c:v>
                </c:pt>
                <c:pt idx="195">
                  <c:v>41757</c:v>
                </c:pt>
                <c:pt idx="196">
                  <c:v>41757</c:v>
                </c:pt>
                <c:pt idx="197">
                  <c:v>41757</c:v>
                </c:pt>
                <c:pt idx="198">
                  <c:v>41757</c:v>
                </c:pt>
                <c:pt idx="199">
                  <c:v>41757</c:v>
                </c:pt>
                <c:pt idx="200">
                  <c:v>41757</c:v>
                </c:pt>
                <c:pt idx="201">
                  <c:v>41757</c:v>
                </c:pt>
                <c:pt idx="202">
                  <c:v>41757</c:v>
                </c:pt>
                <c:pt idx="203">
                  <c:v>41757</c:v>
                </c:pt>
                <c:pt idx="204">
                  <c:v>41757</c:v>
                </c:pt>
                <c:pt idx="205">
                  <c:v>41757</c:v>
                </c:pt>
                <c:pt idx="206">
                  <c:v>41757</c:v>
                </c:pt>
                <c:pt idx="207">
                  <c:v>41757</c:v>
                </c:pt>
                <c:pt idx="208">
                  <c:v>41757</c:v>
                </c:pt>
                <c:pt idx="209">
                  <c:v>41757</c:v>
                </c:pt>
                <c:pt idx="210">
                  <c:v>41757</c:v>
                </c:pt>
                <c:pt idx="211">
                  <c:v>41757</c:v>
                </c:pt>
                <c:pt idx="212">
                  <c:v>41757</c:v>
                </c:pt>
                <c:pt idx="213">
                  <c:v>41757</c:v>
                </c:pt>
                <c:pt idx="214">
                  <c:v>41757</c:v>
                </c:pt>
                <c:pt idx="215">
                  <c:v>41757</c:v>
                </c:pt>
                <c:pt idx="216">
                  <c:v>41757</c:v>
                </c:pt>
                <c:pt idx="217">
                  <c:v>41757</c:v>
                </c:pt>
                <c:pt idx="218">
                  <c:v>41757</c:v>
                </c:pt>
                <c:pt idx="219">
                  <c:v>41757</c:v>
                </c:pt>
                <c:pt idx="220">
                  <c:v>41757</c:v>
                </c:pt>
                <c:pt idx="221">
                  <c:v>41757</c:v>
                </c:pt>
                <c:pt idx="222">
                  <c:v>41757</c:v>
                </c:pt>
                <c:pt idx="223">
                  <c:v>41757</c:v>
                </c:pt>
                <c:pt idx="224">
                  <c:v>41757</c:v>
                </c:pt>
                <c:pt idx="225">
                  <c:v>41757</c:v>
                </c:pt>
                <c:pt idx="226">
                  <c:v>41757</c:v>
                </c:pt>
                <c:pt idx="227">
                  <c:v>41757</c:v>
                </c:pt>
                <c:pt idx="228">
                  <c:v>41757</c:v>
                </c:pt>
                <c:pt idx="229">
                  <c:v>41757</c:v>
                </c:pt>
                <c:pt idx="230">
                  <c:v>41757</c:v>
                </c:pt>
                <c:pt idx="231">
                  <c:v>41757</c:v>
                </c:pt>
                <c:pt idx="232">
                  <c:v>41757</c:v>
                </c:pt>
                <c:pt idx="233">
                  <c:v>41757</c:v>
                </c:pt>
                <c:pt idx="234">
                  <c:v>41757</c:v>
                </c:pt>
                <c:pt idx="235">
                  <c:v>41757</c:v>
                </c:pt>
                <c:pt idx="236">
                  <c:v>41757</c:v>
                </c:pt>
                <c:pt idx="237">
                  <c:v>41757</c:v>
                </c:pt>
                <c:pt idx="238">
                  <c:v>41757</c:v>
                </c:pt>
                <c:pt idx="239">
                  <c:v>41757</c:v>
                </c:pt>
                <c:pt idx="240">
                  <c:v>41757</c:v>
                </c:pt>
                <c:pt idx="241">
                  <c:v>41757</c:v>
                </c:pt>
                <c:pt idx="242">
                  <c:v>41757</c:v>
                </c:pt>
                <c:pt idx="243">
                  <c:v>41757</c:v>
                </c:pt>
                <c:pt idx="244">
                  <c:v>41757</c:v>
                </c:pt>
                <c:pt idx="245">
                  <c:v>41757</c:v>
                </c:pt>
                <c:pt idx="246">
                  <c:v>41757</c:v>
                </c:pt>
                <c:pt idx="247">
                  <c:v>41758</c:v>
                </c:pt>
                <c:pt idx="248">
                  <c:v>41758</c:v>
                </c:pt>
                <c:pt idx="249">
                  <c:v>41758</c:v>
                </c:pt>
                <c:pt idx="250">
                  <c:v>41758</c:v>
                </c:pt>
                <c:pt idx="251">
                  <c:v>41758</c:v>
                </c:pt>
                <c:pt idx="252">
                  <c:v>41758</c:v>
                </c:pt>
                <c:pt idx="253">
                  <c:v>41758</c:v>
                </c:pt>
                <c:pt idx="254">
                  <c:v>41758</c:v>
                </c:pt>
                <c:pt idx="255">
                  <c:v>41758</c:v>
                </c:pt>
                <c:pt idx="256">
                  <c:v>41758</c:v>
                </c:pt>
                <c:pt idx="257">
                  <c:v>41758</c:v>
                </c:pt>
                <c:pt idx="258">
                  <c:v>41758</c:v>
                </c:pt>
                <c:pt idx="259">
                  <c:v>41758</c:v>
                </c:pt>
                <c:pt idx="260">
                  <c:v>41758</c:v>
                </c:pt>
                <c:pt idx="261">
                  <c:v>41758</c:v>
                </c:pt>
                <c:pt idx="262">
                  <c:v>41758</c:v>
                </c:pt>
                <c:pt idx="263">
                  <c:v>41758</c:v>
                </c:pt>
                <c:pt idx="264">
                  <c:v>41758</c:v>
                </c:pt>
                <c:pt idx="265">
                  <c:v>41758</c:v>
                </c:pt>
                <c:pt idx="266">
                  <c:v>41758</c:v>
                </c:pt>
                <c:pt idx="267">
                  <c:v>41758</c:v>
                </c:pt>
                <c:pt idx="268">
                  <c:v>41758</c:v>
                </c:pt>
                <c:pt idx="269">
                  <c:v>41758</c:v>
                </c:pt>
                <c:pt idx="270">
                  <c:v>41758</c:v>
                </c:pt>
                <c:pt idx="271">
                  <c:v>41758</c:v>
                </c:pt>
                <c:pt idx="272">
                  <c:v>41758</c:v>
                </c:pt>
                <c:pt idx="273">
                  <c:v>41758</c:v>
                </c:pt>
                <c:pt idx="274">
                  <c:v>41758</c:v>
                </c:pt>
                <c:pt idx="275">
                  <c:v>41758</c:v>
                </c:pt>
                <c:pt idx="276">
                  <c:v>41758</c:v>
                </c:pt>
                <c:pt idx="277">
                  <c:v>41758</c:v>
                </c:pt>
                <c:pt idx="278">
                  <c:v>41758</c:v>
                </c:pt>
                <c:pt idx="279">
                  <c:v>41758</c:v>
                </c:pt>
                <c:pt idx="280">
                  <c:v>41758</c:v>
                </c:pt>
                <c:pt idx="281">
                  <c:v>41758</c:v>
                </c:pt>
                <c:pt idx="282">
                  <c:v>41758</c:v>
                </c:pt>
                <c:pt idx="283">
                  <c:v>41758</c:v>
                </c:pt>
                <c:pt idx="284">
                  <c:v>41758</c:v>
                </c:pt>
                <c:pt idx="285">
                  <c:v>41758</c:v>
                </c:pt>
                <c:pt idx="286">
                  <c:v>41758</c:v>
                </c:pt>
                <c:pt idx="287">
                  <c:v>41758</c:v>
                </c:pt>
                <c:pt idx="288">
                  <c:v>41758</c:v>
                </c:pt>
                <c:pt idx="289">
                  <c:v>41758</c:v>
                </c:pt>
                <c:pt idx="290">
                  <c:v>41758</c:v>
                </c:pt>
                <c:pt idx="291">
                  <c:v>41758</c:v>
                </c:pt>
                <c:pt idx="292">
                  <c:v>41758</c:v>
                </c:pt>
                <c:pt idx="293">
                  <c:v>41758</c:v>
                </c:pt>
                <c:pt idx="294">
                  <c:v>41758</c:v>
                </c:pt>
                <c:pt idx="295">
                  <c:v>41758</c:v>
                </c:pt>
                <c:pt idx="296">
                  <c:v>41758</c:v>
                </c:pt>
                <c:pt idx="297">
                  <c:v>41758</c:v>
                </c:pt>
                <c:pt idx="298">
                  <c:v>41758</c:v>
                </c:pt>
                <c:pt idx="299">
                  <c:v>41759</c:v>
                </c:pt>
                <c:pt idx="300">
                  <c:v>41759</c:v>
                </c:pt>
                <c:pt idx="301">
                  <c:v>41759</c:v>
                </c:pt>
                <c:pt idx="302">
                  <c:v>41759</c:v>
                </c:pt>
                <c:pt idx="303">
                  <c:v>41759</c:v>
                </c:pt>
                <c:pt idx="304">
                  <c:v>41759</c:v>
                </c:pt>
                <c:pt idx="305">
                  <c:v>41759</c:v>
                </c:pt>
                <c:pt idx="306">
                  <c:v>41759</c:v>
                </c:pt>
                <c:pt idx="307">
                  <c:v>41759</c:v>
                </c:pt>
                <c:pt idx="308">
                  <c:v>41759</c:v>
                </c:pt>
                <c:pt idx="309">
                  <c:v>41759</c:v>
                </c:pt>
                <c:pt idx="310">
                  <c:v>41759</c:v>
                </c:pt>
                <c:pt idx="311">
                  <c:v>41759</c:v>
                </c:pt>
                <c:pt idx="312">
                  <c:v>41759</c:v>
                </c:pt>
                <c:pt idx="313">
                  <c:v>41759</c:v>
                </c:pt>
                <c:pt idx="314">
                  <c:v>41759</c:v>
                </c:pt>
                <c:pt idx="315">
                  <c:v>41759</c:v>
                </c:pt>
                <c:pt idx="316">
                  <c:v>41759</c:v>
                </c:pt>
                <c:pt idx="317">
                  <c:v>41759</c:v>
                </c:pt>
                <c:pt idx="318">
                  <c:v>41760</c:v>
                </c:pt>
                <c:pt idx="319">
                  <c:v>41760</c:v>
                </c:pt>
                <c:pt idx="320">
                  <c:v>41760</c:v>
                </c:pt>
                <c:pt idx="321">
                  <c:v>41760</c:v>
                </c:pt>
                <c:pt idx="322">
                  <c:v>41760</c:v>
                </c:pt>
                <c:pt idx="323">
                  <c:v>41760</c:v>
                </c:pt>
                <c:pt idx="324">
                  <c:v>41760</c:v>
                </c:pt>
                <c:pt idx="325">
                  <c:v>41760</c:v>
                </c:pt>
                <c:pt idx="326">
                  <c:v>41760</c:v>
                </c:pt>
                <c:pt idx="327">
                  <c:v>41760</c:v>
                </c:pt>
                <c:pt idx="328">
                  <c:v>41760</c:v>
                </c:pt>
                <c:pt idx="329">
                  <c:v>41760</c:v>
                </c:pt>
                <c:pt idx="330">
                  <c:v>41761</c:v>
                </c:pt>
                <c:pt idx="331">
                  <c:v>41761</c:v>
                </c:pt>
                <c:pt idx="332">
                  <c:v>41761</c:v>
                </c:pt>
                <c:pt idx="333">
                  <c:v>41761</c:v>
                </c:pt>
                <c:pt idx="334">
                  <c:v>41761</c:v>
                </c:pt>
                <c:pt idx="335">
                  <c:v>41761</c:v>
                </c:pt>
                <c:pt idx="336">
                  <c:v>41761</c:v>
                </c:pt>
                <c:pt idx="337">
                  <c:v>41761</c:v>
                </c:pt>
                <c:pt idx="338">
                  <c:v>41761</c:v>
                </c:pt>
                <c:pt idx="339">
                  <c:v>41761</c:v>
                </c:pt>
                <c:pt idx="340">
                  <c:v>41761</c:v>
                </c:pt>
                <c:pt idx="341">
                  <c:v>41761</c:v>
                </c:pt>
                <c:pt idx="342">
                  <c:v>41761</c:v>
                </c:pt>
                <c:pt idx="343">
                  <c:v>41761</c:v>
                </c:pt>
                <c:pt idx="344">
                  <c:v>41761</c:v>
                </c:pt>
                <c:pt idx="345">
                  <c:v>41761</c:v>
                </c:pt>
                <c:pt idx="346">
                  <c:v>41761</c:v>
                </c:pt>
                <c:pt idx="347">
                  <c:v>41761</c:v>
                </c:pt>
                <c:pt idx="348">
                  <c:v>41761</c:v>
                </c:pt>
                <c:pt idx="349">
                  <c:v>41761</c:v>
                </c:pt>
                <c:pt idx="350">
                  <c:v>41761</c:v>
                </c:pt>
                <c:pt idx="351">
                  <c:v>41761</c:v>
                </c:pt>
                <c:pt idx="352">
                  <c:v>41761</c:v>
                </c:pt>
                <c:pt idx="353">
                  <c:v>41761</c:v>
                </c:pt>
                <c:pt idx="354">
                  <c:v>41761</c:v>
                </c:pt>
                <c:pt idx="355">
                  <c:v>41761</c:v>
                </c:pt>
                <c:pt idx="356">
                  <c:v>41761</c:v>
                </c:pt>
                <c:pt idx="357">
                  <c:v>41761</c:v>
                </c:pt>
                <c:pt idx="358">
                  <c:v>41761</c:v>
                </c:pt>
                <c:pt idx="359">
                  <c:v>41761</c:v>
                </c:pt>
                <c:pt idx="360">
                  <c:v>41761</c:v>
                </c:pt>
                <c:pt idx="361">
                  <c:v>41761</c:v>
                </c:pt>
                <c:pt idx="362">
                  <c:v>41761</c:v>
                </c:pt>
                <c:pt idx="363">
                  <c:v>41761</c:v>
                </c:pt>
                <c:pt idx="364">
                  <c:v>41761</c:v>
                </c:pt>
                <c:pt idx="365">
                  <c:v>41761</c:v>
                </c:pt>
                <c:pt idx="366">
                  <c:v>41761</c:v>
                </c:pt>
                <c:pt idx="367">
                  <c:v>41761</c:v>
                </c:pt>
                <c:pt idx="368">
                  <c:v>41761</c:v>
                </c:pt>
                <c:pt idx="369">
                  <c:v>41761</c:v>
                </c:pt>
                <c:pt idx="370">
                  <c:v>41761</c:v>
                </c:pt>
                <c:pt idx="371">
                  <c:v>41761</c:v>
                </c:pt>
                <c:pt idx="372">
                  <c:v>41761</c:v>
                </c:pt>
                <c:pt idx="373">
                  <c:v>41761</c:v>
                </c:pt>
                <c:pt idx="374">
                  <c:v>41761</c:v>
                </c:pt>
                <c:pt idx="375">
                  <c:v>41761</c:v>
                </c:pt>
                <c:pt idx="376">
                  <c:v>41761</c:v>
                </c:pt>
                <c:pt idx="377">
                  <c:v>41761</c:v>
                </c:pt>
                <c:pt idx="378">
                  <c:v>41761</c:v>
                </c:pt>
                <c:pt idx="379">
                  <c:v>41761</c:v>
                </c:pt>
                <c:pt idx="380">
                  <c:v>41761</c:v>
                </c:pt>
                <c:pt idx="381">
                  <c:v>41761</c:v>
                </c:pt>
                <c:pt idx="382">
                  <c:v>41761</c:v>
                </c:pt>
                <c:pt idx="383">
                  <c:v>41761</c:v>
                </c:pt>
                <c:pt idx="384">
                  <c:v>41761</c:v>
                </c:pt>
                <c:pt idx="385">
                  <c:v>41761</c:v>
                </c:pt>
                <c:pt idx="386">
                  <c:v>41761</c:v>
                </c:pt>
                <c:pt idx="387">
                  <c:v>41761</c:v>
                </c:pt>
                <c:pt idx="388">
                  <c:v>41761</c:v>
                </c:pt>
                <c:pt idx="389">
                  <c:v>41761</c:v>
                </c:pt>
                <c:pt idx="390">
                  <c:v>41761</c:v>
                </c:pt>
                <c:pt idx="391">
                  <c:v>41761</c:v>
                </c:pt>
                <c:pt idx="392">
                  <c:v>41761</c:v>
                </c:pt>
                <c:pt idx="393">
                  <c:v>41761</c:v>
                </c:pt>
                <c:pt idx="394">
                  <c:v>41761</c:v>
                </c:pt>
                <c:pt idx="395">
                  <c:v>41761</c:v>
                </c:pt>
                <c:pt idx="396">
                  <c:v>41761</c:v>
                </c:pt>
                <c:pt idx="397">
                  <c:v>41761</c:v>
                </c:pt>
                <c:pt idx="398">
                  <c:v>41761</c:v>
                </c:pt>
                <c:pt idx="399">
                  <c:v>41761</c:v>
                </c:pt>
                <c:pt idx="400">
                  <c:v>41762</c:v>
                </c:pt>
                <c:pt idx="401">
                  <c:v>41762</c:v>
                </c:pt>
                <c:pt idx="402">
                  <c:v>41762</c:v>
                </c:pt>
                <c:pt idx="403">
                  <c:v>41762</c:v>
                </c:pt>
                <c:pt idx="404">
                  <c:v>41762</c:v>
                </c:pt>
                <c:pt idx="405">
                  <c:v>41762</c:v>
                </c:pt>
                <c:pt idx="406">
                  <c:v>41762</c:v>
                </c:pt>
                <c:pt idx="407">
                  <c:v>41762</c:v>
                </c:pt>
                <c:pt idx="408">
                  <c:v>41762</c:v>
                </c:pt>
                <c:pt idx="409">
                  <c:v>41762</c:v>
                </c:pt>
                <c:pt idx="410">
                  <c:v>41762</c:v>
                </c:pt>
                <c:pt idx="411">
                  <c:v>41762</c:v>
                </c:pt>
                <c:pt idx="412">
                  <c:v>41762</c:v>
                </c:pt>
                <c:pt idx="413">
                  <c:v>41762</c:v>
                </c:pt>
                <c:pt idx="414">
                  <c:v>41762</c:v>
                </c:pt>
                <c:pt idx="415">
                  <c:v>41762</c:v>
                </c:pt>
                <c:pt idx="416">
                  <c:v>41762</c:v>
                </c:pt>
                <c:pt idx="417">
                  <c:v>41762</c:v>
                </c:pt>
                <c:pt idx="418">
                  <c:v>41762</c:v>
                </c:pt>
                <c:pt idx="419">
                  <c:v>41762</c:v>
                </c:pt>
                <c:pt idx="420">
                  <c:v>41762</c:v>
                </c:pt>
                <c:pt idx="421">
                  <c:v>41762</c:v>
                </c:pt>
                <c:pt idx="422">
                  <c:v>41762</c:v>
                </c:pt>
                <c:pt idx="423">
                  <c:v>41762</c:v>
                </c:pt>
                <c:pt idx="424">
                  <c:v>41762</c:v>
                </c:pt>
                <c:pt idx="425">
                  <c:v>41762</c:v>
                </c:pt>
                <c:pt idx="426">
                  <c:v>41762</c:v>
                </c:pt>
                <c:pt idx="427">
                  <c:v>41762</c:v>
                </c:pt>
                <c:pt idx="428">
                  <c:v>41762</c:v>
                </c:pt>
                <c:pt idx="429">
                  <c:v>41762</c:v>
                </c:pt>
                <c:pt idx="430">
                  <c:v>41762</c:v>
                </c:pt>
                <c:pt idx="431">
                  <c:v>41762</c:v>
                </c:pt>
                <c:pt idx="432">
                  <c:v>41762</c:v>
                </c:pt>
                <c:pt idx="433">
                  <c:v>41762</c:v>
                </c:pt>
                <c:pt idx="434">
                  <c:v>41762</c:v>
                </c:pt>
                <c:pt idx="435">
                  <c:v>41762</c:v>
                </c:pt>
                <c:pt idx="436">
                  <c:v>41762</c:v>
                </c:pt>
                <c:pt idx="437">
                  <c:v>41762</c:v>
                </c:pt>
                <c:pt idx="438">
                  <c:v>41762</c:v>
                </c:pt>
                <c:pt idx="439">
                  <c:v>41762</c:v>
                </c:pt>
                <c:pt idx="440">
                  <c:v>41762</c:v>
                </c:pt>
                <c:pt idx="441">
                  <c:v>41762</c:v>
                </c:pt>
                <c:pt idx="442">
                  <c:v>41762</c:v>
                </c:pt>
                <c:pt idx="443">
                  <c:v>41762</c:v>
                </c:pt>
                <c:pt idx="444">
                  <c:v>41762</c:v>
                </c:pt>
                <c:pt idx="445">
                  <c:v>41762</c:v>
                </c:pt>
                <c:pt idx="446">
                  <c:v>41763</c:v>
                </c:pt>
                <c:pt idx="447">
                  <c:v>41763</c:v>
                </c:pt>
                <c:pt idx="448">
                  <c:v>41763</c:v>
                </c:pt>
                <c:pt idx="449">
                  <c:v>41763</c:v>
                </c:pt>
                <c:pt idx="450">
                  <c:v>41763</c:v>
                </c:pt>
                <c:pt idx="451">
                  <c:v>41763</c:v>
                </c:pt>
                <c:pt idx="452">
                  <c:v>41763</c:v>
                </c:pt>
                <c:pt idx="453">
                  <c:v>41763</c:v>
                </c:pt>
                <c:pt idx="454">
                  <c:v>41763</c:v>
                </c:pt>
                <c:pt idx="455">
                  <c:v>41763</c:v>
                </c:pt>
                <c:pt idx="456">
                  <c:v>41763</c:v>
                </c:pt>
                <c:pt idx="457">
                  <c:v>41763</c:v>
                </c:pt>
                <c:pt idx="458">
                  <c:v>41763</c:v>
                </c:pt>
                <c:pt idx="459">
                  <c:v>41763</c:v>
                </c:pt>
                <c:pt idx="460">
                  <c:v>41764</c:v>
                </c:pt>
                <c:pt idx="461">
                  <c:v>41764</c:v>
                </c:pt>
                <c:pt idx="462">
                  <c:v>41764</c:v>
                </c:pt>
                <c:pt idx="463">
                  <c:v>41764</c:v>
                </c:pt>
                <c:pt idx="464">
                  <c:v>41764</c:v>
                </c:pt>
                <c:pt idx="465">
                  <c:v>41764</c:v>
                </c:pt>
                <c:pt idx="466">
                  <c:v>41764</c:v>
                </c:pt>
                <c:pt idx="467">
                  <c:v>41764</c:v>
                </c:pt>
                <c:pt idx="468">
                  <c:v>41764</c:v>
                </c:pt>
                <c:pt idx="469">
                  <c:v>41764</c:v>
                </c:pt>
                <c:pt idx="470">
                  <c:v>41764</c:v>
                </c:pt>
                <c:pt idx="471">
                  <c:v>41765</c:v>
                </c:pt>
                <c:pt idx="472">
                  <c:v>41765</c:v>
                </c:pt>
                <c:pt idx="473">
                  <c:v>41765</c:v>
                </c:pt>
                <c:pt idx="474">
                  <c:v>41765</c:v>
                </c:pt>
                <c:pt idx="475">
                  <c:v>41765</c:v>
                </c:pt>
                <c:pt idx="476">
                  <c:v>41766</c:v>
                </c:pt>
                <c:pt idx="477">
                  <c:v>41766</c:v>
                </c:pt>
                <c:pt idx="478">
                  <c:v>41766</c:v>
                </c:pt>
                <c:pt idx="479">
                  <c:v>41767</c:v>
                </c:pt>
                <c:pt idx="480">
                  <c:v>41767</c:v>
                </c:pt>
                <c:pt idx="481">
                  <c:v>41767</c:v>
                </c:pt>
                <c:pt idx="482">
                  <c:v>41768</c:v>
                </c:pt>
                <c:pt idx="483">
                  <c:v>41768</c:v>
                </c:pt>
                <c:pt idx="484">
                  <c:v>41769</c:v>
                </c:pt>
                <c:pt idx="485">
                  <c:v>41770</c:v>
                </c:pt>
                <c:pt idx="486">
                  <c:v>41770</c:v>
                </c:pt>
                <c:pt idx="487">
                  <c:v>41770</c:v>
                </c:pt>
                <c:pt idx="488">
                  <c:v>41770</c:v>
                </c:pt>
                <c:pt idx="489">
                  <c:v>41770</c:v>
                </c:pt>
                <c:pt idx="490">
                  <c:v>41770</c:v>
                </c:pt>
                <c:pt idx="491">
                  <c:v>41770</c:v>
                </c:pt>
                <c:pt idx="492">
                  <c:v>41770</c:v>
                </c:pt>
                <c:pt idx="493">
                  <c:v>41770</c:v>
                </c:pt>
                <c:pt idx="494">
                  <c:v>41770</c:v>
                </c:pt>
                <c:pt idx="495">
                  <c:v>41770</c:v>
                </c:pt>
                <c:pt idx="496">
                  <c:v>41770</c:v>
                </c:pt>
                <c:pt idx="497">
                  <c:v>41770</c:v>
                </c:pt>
                <c:pt idx="498">
                  <c:v>41771</c:v>
                </c:pt>
                <c:pt idx="499">
                  <c:v>41771</c:v>
                </c:pt>
                <c:pt idx="500">
                  <c:v>41771</c:v>
                </c:pt>
                <c:pt idx="501">
                  <c:v>41771</c:v>
                </c:pt>
                <c:pt idx="502">
                  <c:v>41771</c:v>
                </c:pt>
                <c:pt idx="503">
                  <c:v>41771</c:v>
                </c:pt>
                <c:pt idx="504">
                  <c:v>41771</c:v>
                </c:pt>
                <c:pt idx="505">
                  <c:v>41771</c:v>
                </c:pt>
                <c:pt idx="506">
                  <c:v>41771</c:v>
                </c:pt>
                <c:pt idx="507">
                  <c:v>41771</c:v>
                </c:pt>
                <c:pt idx="508">
                  <c:v>41771</c:v>
                </c:pt>
                <c:pt idx="509">
                  <c:v>41771</c:v>
                </c:pt>
                <c:pt idx="510">
                  <c:v>41771</c:v>
                </c:pt>
                <c:pt idx="511">
                  <c:v>41771</c:v>
                </c:pt>
                <c:pt idx="512">
                  <c:v>41771</c:v>
                </c:pt>
                <c:pt idx="513">
                  <c:v>41771</c:v>
                </c:pt>
                <c:pt idx="514">
                  <c:v>41771</c:v>
                </c:pt>
                <c:pt idx="515">
                  <c:v>41771</c:v>
                </c:pt>
                <c:pt idx="516">
                  <c:v>41771</c:v>
                </c:pt>
                <c:pt idx="517">
                  <c:v>41771</c:v>
                </c:pt>
                <c:pt idx="518">
                  <c:v>41771</c:v>
                </c:pt>
                <c:pt idx="519">
                  <c:v>41771</c:v>
                </c:pt>
                <c:pt idx="520">
                  <c:v>41771</c:v>
                </c:pt>
                <c:pt idx="521">
                  <c:v>41771</c:v>
                </c:pt>
                <c:pt idx="522">
                  <c:v>41771</c:v>
                </c:pt>
                <c:pt idx="523">
                  <c:v>41771</c:v>
                </c:pt>
                <c:pt idx="524">
                  <c:v>41771</c:v>
                </c:pt>
                <c:pt idx="525">
                  <c:v>41771</c:v>
                </c:pt>
                <c:pt idx="526">
                  <c:v>41771</c:v>
                </c:pt>
                <c:pt idx="527">
                  <c:v>41771</c:v>
                </c:pt>
                <c:pt idx="528">
                  <c:v>41771</c:v>
                </c:pt>
                <c:pt idx="529">
                  <c:v>41771</c:v>
                </c:pt>
                <c:pt idx="530">
                  <c:v>41771</c:v>
                </c:pt>
                <c:pt idx="531">
                  <c:v>41771</c:v>
                </c:pt>
                <c:pt idx="532">
                  <c:v>41771</c:v>
                </c:pt>
                <c:pt idx="533">
                  <c:v>41771</c:v>
                </c:pt>
                <c:pt idx="534">
                  <c:v>41771</c:v>
                </c:pt>
                <c:pt idx="535">
                  <c:v>41771</c:v>
                </c:pt>
                <c:pt idx="536">
                  <c:v>41771</c:v>
                </c:pt>
                <c:pt idx="537">
                  <c:v>41771</c:v>
                </c:pt>
                <c:pt idx="538">
                  <c:v>41771</c:v>
                </c:pt>
                <c:pt idx="539">
                  <c:v>41771</c:v>
                </c:pt>
                <c:pt idx="540">
                  <c:v>41771</c:v>
                </c:pt>
                <c:pt idx="541">
                  <c:v>41771</c:v>
                </c:pt>
                <c:pt idx="542">
                  <c:v>41771</c:v>
                </c:pt>
                <c:pt idx="543">
                  <c:v>41771</c:v>
                </c:pt>
                <c:pt idx="544">
                  <c:v>41771</c:v>
                </c:pt>
                <c:pt idx="545">
                  <c:v>41771</c:v>
                </c:pt>
                <c:pt idx="546">
                  <c:v>41771</c:v>
                </c:pt>
                <c:pt idx="547">
                  <c:v>41771</c:v>
                </c:pt>
                <c:pt idx="548">
                  <c:v>41771</c:v>
                </c:pt>
                <c:pt idx="549">
                  <c:v>41771</c:v>
                </c:pt>
                <c:pt idx="550">
                  <c:v>41771</c:v>
                </c:pt>
                <c:pt idx="551">
                  <c:v>41771</c:v>
                </c:pt>
                <c:pt idx="552">
                  <c:v>41771</c:v>
                </c:pt>
                <c:pt idx="553">
                  <c:v>41771</c:v>
                </c:pt>
                <c:pt idx="554">
                  <c:v>41771</c:v>
                </c:pt>
                <c:pt idx="555">
                  <c:v>41771</c:v>
                </c:pt>
                <c:pt idx="556">
                  <c:v>41771</c:v>
                </c:pt>
                <c:pt idx="557">
                  <c:v>41771</c:v>
                </c:pt>
                <c:pt idx="558">
                  <c:v>41771</c:v>
                </c:pt>
                <c:pt idx="559">
                  <c:v>41771</c:v>
                </c:pt>
                <c:pt idx="560">
                  <c:v>41771</c:v>
                </c:pt>
                <c:pt idx="561">
                  <c:v>41771</c:v>
                </c:pt>
                <c:pt idx="562">
                  <c:v>41771</c:v>
                </c:pt>
                <c:pt idx="563">
                  <c:v>41771</c:v>
                </c:pt>
                <c:pt idx="564">
                  <c:v>41771</c:v>
                </c:pt>
                <c:pt idx="565">
                  <c:v>41771</c:v>
                </c:pt>
                <c:pt idx="566">
                  <c:v>41771</c:v>
                </c:pt>
                <c:pt idx="567">
                  <c:v>41771</c:v>
                </c:pt>
                <c:pt idx="568">
                  <c:v>41771</c:v>
                </c:pt>
                <c:pt idx="569">
                  <c:v>41771</c:v>
                </c:pt>
                <c:pt idx="570">
                  <c:v>41771</c:v>
                </c:pt>
                <c:pt idx="571">
                  <c:v>41771</c:v>
                </c:pt>
                <c:pt idx="572">
                  <c:v>41771</c:v>
                </c:pt>
                <c:pt idx="573">
                  <c:v>41771</c:v>
                </c:pt>
                <c:pt idx="574">
                  <c:v>41771</c:v>
                </c:pt>
                <c:pt idx="575">
                  <c:v>41771</c:v>
                </c:pt>
                <c:pt idx="576">
                  <c:v>41771</c:v>
                </c:pt>
                <c:pt idx="577">
                  <c:v>41771</c:v>
                </c:pt>
                <c:pt idx="578">
                  <c:v>41771</c:v>
                </c:pt>
                <c:pt idx="579">
                  <c:v>41771</c:v>
                </c:pt>
                <c:pt idx="580">
                  <c:v>41771</c:v>
                </c:pt>
                <c:pt idx="581">
                  <c:v>41771</c:v>
                </c:pt>
                <c:pt idx="582">
                  <c:v>41771</c:v>
                </c:pt>
                <c:pt idx="583">
                  <c:v>41771</c:v>
                </c:pt>
                <c:pt idx="584">
                  <c:v>41772</c:v>
                </c:pt>
                <c:pt idx="585">
                  <c:v>41772</c:v>
                </c:pt>
                <c:pt idx="586">
                  <c:v>41772</c:v>
                </c:pt>
                <c:pt idx="587">
                  <c:v>41772</c:v>
                </c:pt>
                <c:pt idx="588">
                  <c:v>41772</c:v>
                </c:pt>
                <c:pt idx="589">
                  <c:v>41772</c:v>
                </c:pt>
                <c:pt idx="590">
                  <c:v>41772</c:v>
                </c:pt>
                <c:pt idx="591">
                  <c:v>41772</c:v>
                </c:pt>
                <c:pt idx="592">
                  <c:v>41772</c:v>
                </c:pt>
                <c:pt idx="593">
                  <c:v>41772</c:v>
                </c:pt>
                <c:pt idx="594">
                  <c:v>41772</c:v>
                </c:pt>
                <c:pt idx="595">
                  <c:v>41772</c:v>
                </c:pt>
                <c:pt idx="596">
                  <c:v>41772</c:v>
                </c:pt>
                <c:pt idx="597">
                  <c:v>41772</c:v>
                </c:pt>
                <c:pt idx="598">
                  <c:v>41772</c:v>
                </c:pt>
                <c:pt idx="599">
                  <c:v>41772</c:v>
                </c:pt>
                <c:pt idx="600">
                  <c:v>41772</c:v>
                </c:pt>
                <c:pt idx="601">
                  <c:v>41772</c:v>
                </c:pt>
                <c:pt idx="602">
                  <c:v>41772</c:v>
                </c:pt>
                <c:pt idx="603">
                  <c:v>41772</c:v>
                </c:pt>
                <c:pt idx="604">
                  <c:v>41772</c:v>
                </c:pt>
                <c:pt idx="605">
                  <c:v>41772</c:v>
                </c:pt>
                <c:pt idx="606">
                  <c:v>41772</c:v>
                </c:pt>
                <c:pt idx="607">
                  <c:v>41772</c:v>
                </c:pt>
                <c:pt idx="608">
                  <c:v>41772</c:v>
                </c:pt>
                <c:pt idx="609">
                  <c:v>41772</c:v>
                </c:pt>
                <c:pt idx="610">
                  <c:v>41772</c:v>
                </c:pt>
                <c:pt idx="611">
                  <c:v>41772</c:v>
                </c:pt>
                <c:pt idx="612">
                  <c:v>41772</c:v>
                </c:pt>
                <c:pt idx="613">
                  <c:v>41772</c:v>
                </c:pt>
                <c:pt idx="614">
                  <c:v>41772</c:v>
                </c:pt>
                <c:pt idx="615">
                  <c:v>41772</c:v>
                </c:pt>
                <c:pt idx="616">
                  <c:v>41772</c:v>
                </c:pt>
                <c:pt idx="617">
                  <c:v>41772</c:v>
                </c:pt>
                <c:pt idx="618">
                  <c:v>41772</c:v>
                </c:pt>
                <c:pt idx="619">
                  <c:v>41772</c:v>
                </c:pt>
                <c:pt idx="620">
                  <c:v>41772</c:v>
                </c:pt>
                <c:pt idx="621">
                  <c:v>41772</c:v>
                </c:pt>
                <c:pt idx="622">
                  <c:v>41772</c:v>
                </c:pt>
                <c:pt idx="623">
                  <c:v>41772</c:v>
                </c:pt>
                <c:pt idx="624">
                  <c:v>41772</c:v>
                </c:pt>
                <c:pt idx="625">
                  <c:v>41772</c:v>
                </c:pt>
                <c:pt idx="626">
                  <c:v>41772</c:v>
                </c:pt>
                <c:pt idx="627">
                  <c:v>41772</c:v>
                </c:pt>
                <c:pt idx="628">
                  <c:v>41772</c:v>
                </c:pt>
                <c:pt idx="629">
                  <c:v>41772</c:v>
                </c:pt>
                <c:pt idx="630">
                  <c:v>41772</c:v>
                </c:pt>
                <c:pt idx="631">
                  <c:v>41772</c:v>
                </c:pt>
                <c:pt idx="632">
                  <c:v>41772</c:v>
                </c:pt>
                <c:pt idx="633">
                  <c:v>41772</c:v>
                </c:pt>
                <c:pt idx="634">
                  <c:v>41772</c:v>
                </c:pt>
                <c:pt idx="635">
                  <c:v>41772</c:v>
                </c:pt>
                <c:pt idx="636">
                  <c:v>41772</c:v>
                </c:pt>
                <c:pt idx="637">
                  <c:v>41772</c:v>
                </c:pt>
                <c:pt idx="638">
                  <c:v>41772</c:v>
                </c:pt>
                <c:pt idx="639">
                  <c:v>41772</c:v>
                </c:pt>
                <c:pt idx="640">
                  <c:v>41772</c:v>
                </c:pt>
                <c:pt idx="641">
                  <c:v>41772</c:v>
                </c:pt>
                <c:pt idx="642">
                  <c:v>41772</c:v>
                </c:pt>
                <c:pt idx="643">
                  <c:v>41772</c:v>
                </c:pt>
                <c:pt idx="644">
                  <c:v>41772</c:v>
                </c:pt>
                <c:pt idx="645">
                  <c:v>41772</c:v>
                </c:pt>
                <c:pt idx="646">
                  <c:v>41772</c:v>
                </c:pt>
                <c:pt idx="647">
                  <c:v>41772</c:v>
                </c:pt>
                <c:pt idx="648">
                  <c:v>41772</c:v>
                </c:pt>
                <c:pt idx="649">
                  <c:v>41772</c:v>
                </c:pt>
                <c:pt idx="650">
                  <c:v>41772</c:v>
                </c:pt>
                <c:pt idx="651">
                  <c:v>41772</c:v>
                </c:pt>
                <c:pt idx="652">
                  <c:v>41772</c:v>
                </c:pt>
                <c:pt idx="653">
                  <c:v>41772</c:v>
                </c:pt>
                <c:pt idx="654">
                  <c:v>41772</c:v>
                </c:pt>
                <c:pt idx="655">
                  <c:v>41772</c:v>
                </c:pt>
                <c:pt idx="656">
                  <c:v>41772</c:v>
                </c:pt>
                <c:pt idx="657">
                  <c:v>41772</c:v>
                </c:pt>
                <c:pt idx="658">
                  <c:v>41772</c:v>
                </c:pt>
                <c:pt idx="659">
                  <c:v>41772</c:v>
                </c:pt>
                <c:pt idx="660">
                  <c:v>41772</c:v>
                </c:pt>
                <c:pt idx="661">
                  <c:v>41772</c:v>
                </c:pt>
                <c:pt idx="662">
                  <c:v>41772</c:v>
                </c:pt>
                <c:pt idx="663">
                  <c:v>41772</c:v>
                </c:pt>
                <c:pt idx="664">
                  <c:v>41772</c:v>
                </c:pt>
                <c:pt idx="665">
                  <c:v>41772</c:v>
                </c:pt>
                <c:pt idx="666">
                  <c:v>41772</c:v>
                </c:pt>
                <c:pt idx="667">
                  <c:v>41772</c:v>
                </c:pt>
                <c:pt idx="668">
                  <c:v>41772</c:v>
                </c:pt>
                <c:pt idx="669">
                  <c:v>41772</c:v>
                </c:pt>
                <c:pt idx="670">
                  <c:v>41772</c:v>
                </c:pt>
                <c:pt idx="671">
                  <c:v>41772</c:v>
                </c:pt>
                <c:pt idx="672">
                  <c:v>41772</c:v>
                </c:pt>
                <c:pt idx="673">
                  <c:v>41772</c:v>
                </c:pt>
                <c:pt idx="674">
                  <c:v>41772</c:v>
                </c:pt>
                <c:pt idx="675">
                  <c:v>41772</c:v>
                </c:pt>
                <c:pt idx="676">
                  <c:v>41772</c:v>
                </c:pt>
                <c:pt idx="677">
                  <c:v>41772</c:v>
                </c:pt>
                <c:pt idx="678">
                  <c:v>41772</c:v>
                </c:pt>
                <c:pt idx="679">
                  <c:v>41772</c:v>
                </c:pt>
                <c:pt idx="680">
                  <c:v>41772</c:v>
                </c:pt>
                <c:pt idx="681">
                  <c:v>41772</c:v>
                </c:pt>
                <c:pt idx="682">
                  <c:v>41772</c:v>
                </c:pt>
                <c:pt idx="683">
                  <c:v>41772</c:v>
                </c:pt>
                <c:pt idx="684">
                  <c:v>41772</c:v>
                </c:pt>
                <c:pt idx="685">
                  <c:v>41772</c:v>
                </c:pt>
                <c:pt idx="686">
                  <c:v>41772</c:v>
                </c:pt>
                <c:pt idx="687">
                  <c:v>41772</c:v>
                </c:pt>
                <c:pt idx="688">
                  <c:v>41772</c:v>
                </c:pt>
                <c:pt idx="689">
                  <c:v>41772</c:v>
                </c:pt>
                <c:pt idx="690">
                  <c:v>41773</c:v>
                </c:pt>
                <c:pt idx="691">
                  <c:v>41773</c:v>
                </c:pt>
                <c:pt idx="692">
                  <c:v>41773</c:v>
                </c:pt>
                <c:pt idx="693">
                  <c:v>41773</c:v>
                </c:pt>
                <c:pt idx="694">
                  <c:v>41773</c:v>
                </c:pt>
                <c:pt idx="695">
                  <c:v>41773</c:v>
                </c:pt>
                <c:pt idx="696">
                  <c:v>41773</c:v>
                </c:pt>
                <c:pt idx="697">
                  <c:v>41773</c:v>
                </c:pt>
                <c:pt idx="698">
                  <c:v>41773</c:v>
                </c:pt>
                <c:pt idx="699">
                  <c:v>41773</c:v>
                </c:pt>
                <c:pt idx="700">
                  <c:v>41773</c:v>
                </c:pt>
                <c:pt idx="701">
                  <c:v>41773</c:v>
                </c:pt>
                <c:pt idx="702">
                  <c:v>41773</c:v>
                </c:pt>
                <c:pt idx="703">
                  <c:v>41773</c:v>
                </c:pt>
                <c:pt idx="704">
                  <c:v>41773</c:v>
                </c:pt>
                <c:pt idx="705">
                  <c:v>41773</c:v>
                </c:pt>
                <c:pt idx="706">
                  <c:v>41773</c:v>
                </c:pt>
                <c:pt idx="707">
                  <c:v>41773</c:v>
                </c:pt>
                <c:pt idx="708">
                  <c:v>41773</c:v>
                </c:pt>
                <c:pt idx="709">
                  <c:v>41773</c:v>
                </c:pt>
                <c:pt idx="710">
                  <c:v>41773</c:v>
                </c:pt>
                <c:pt idx="711">
                  <c:v>41773</c:v>
                </c:pt>
                <c:pt idx="712">
                  <c:v>41773</c:v>
                </c:pt>
                <c:pt idx="713">
                  <c:v>41773</c:v>
                </c:pt>
                <c:pt idx="714">
                  <c:v>41773</c:v>
                </c:pt>
                <c:pt idx="715">
                  <c:v>41773</c:v>
                </c:pt>
                <c:pt idx="716">
                  <c:v>41773</c:v>
                </c:pt>
                <c:pt idx="717">
                  <c:v>41773</c:v>
                </c:pt>
                <c:pt idx="718">
                  <c:v>41774</c:v>
                </c:pt>
                <c:pt idx="719">
                  <c:v>41774</c:v>
                </c:pt>
                <c:pt idx="720">
                  <c:v>41774</c:v>
                </c:pt>
                <c:pt idx="721">
                  <c:v>41774</c:v>
                </c:pt>
                <c:pt idx="722">
                  <c:v>41774</c:v>
                </c:pt>
                <c:pt idx="723">
                  <c:v>41774</c:v>
                </c:pt>
                <c:pt idx="724">
                  <c:v>41774</c:v>
                </c:pt>
                <c:pt idx="725">
                  <c:v>41774</c:v>
                </c:pt>
                <c:pt idx="726">
                  <c:v>41774</c:v>
                </c:pt>
                <c:pt idx="727">
                  <c:v>41774</c:v>
                </c:pt>
                <c:pt idx="728">
                  <c:v>41775</c:v>
                </c:pt>
                <c:pt idx="729">
                  <c:v>41775</c:v>
                </c:pt>
                <c:pt idx="730">
                  <c:v>41775</c:v>
                </c:pt>
                <c:pt idx="731">
                  <c:v>41775</c:v>
                </c:pt>
                <c:pt idx="732">
                  <c:v>41775</c:v>
                </c:pt>
                <c:pt idx="733">
                  <c:v>41775</c:v>
                </c:pt>
                <c:pt idx="734">
                  <c:v>41776</c:v>
                </c:pt>
                <c:pt idx="735">
                  <c:v>41776</c:v>
                </c:pt>
                <c:pt idx="736">
                  <c:v>41776</c:v>
                </c:pt>
                <c:pt idx="737">
                  <c:v>41776</c:v>
                </c:pt>
                <c:pt idx="738">
                  <c:v>41777</c:v>
                </c:pt>
                <c:pt idx="739">
                  <c:v>41777</c:v>
                </c:pt>
                <c:pt idx="740">
                  <c:v>41778</c:v>
                </c:pt>
                <c:pt idx="741">
                  <c:v>41778</c:v>
                </c:pt>
                <c:pt idx="742">
                  <c:v>41779</c:v>
                </c:pt>
                <c:pt idx="743">
                  <c:v>41779</c:v>
                </c:pt>
                <c:pt idx="744">
                  <c:v>41780</c:v>
                </c:pt>
                <c:pt idx="745">
                  <c:v>41780</c:v>
                </c:pt>
                <c:pt idx="746">
                  <c:v>41780</c:v>
                </c:pt>
                <c:pt idx="747">
                  <c:v>41780</c:v>
                </c:pt>
                <c:pt idx="748">
                  <c:v>41781</c:v>
                </c:pt>
                <c:pt idx="749">
                  <c:v>41784</c:v>
                </c:pt>
                <c:pt idx="750">
                  <c:v>41787</c:v>
                </c:pt>
                <c:pt idx="751">
                  <c:v>41792</c:v>
                </c:pt>
                <c:pt idx="752">
                  <c:v>41794</c:v>
                </c:pt>
                <c:pt idx="753">
                  <c:v>41794</c:v>
                </c:pt>
                <c:pt idx="754">
                  <c:v>41805</c:v>
                </c:pt>
                <c:pt idx="755">
                  <c:v>41807</c:v>
                </c:pt>
                <c:pt idx="756">
                  <c:v>41820</c:v>
                </c:pt>
                <c:pt idx="757">
                  <c:v>41820</c:v>
                </c:pt>
                <c:pt idx="758">
                  <c:v>41820</c:v>
                </c:pt>
                <c:pt idx="759">
                  <c:v>41820</c:v>
                </c:pt>
                <c:pt idx="760">
                  <c:v>41820</c:v>
                </c:pt>
                <c:pt idx="761">
                  <c:v>41820</c:v>
                </c:pt>
                <c:pt idx="762">
                  <c:v>41820</c:v>
                </c:pt>
                <c:pt idx="763">
                  <c:v>41820</c:v>
                </c:pt>
                <c:pt idx="764">
                  <c:v>41820</c:v>
                </c:pt>
                <c:pt idx="765">
                  <c:v>41820</c:v>
                </c:pt>
                <c:pt idx="766">
                  <c:v>41820</c:v>
                </c:pt>
                <c:pt idx="767">
                  <c:v>41820</c:v>
                </c:pt>
                <c:pt idx="768">
                  <c:v>41820</c:v>
                </c:pt>
                <c:pt idx="769">
                  <c:v>41820</c:v>
                </c:pt>
                <c:pt idx="770">
                  <c:v>41820</c:v>
                </c:pt>
                <c:pt idx="771">
                  <c:v>41820</c:v>
                </c:pt>
                <c:pt idx="772">
                  <c:v>41820</c:v>
                </c:pt>
                <c:pt idx="773">
                  <c:v>41820</c:v>
                </c:pt>
                <c:pt idx="774">
                  <c:v>41820</c:v>
                </c:pt>
                <c:pt idx="775">
                  <c:v>41820</c:v>
                </c:pt>
                <c:pt idx="776">
                  <c:v>41820</c:v>
                </c:pt>
                <c:pt idx="777">
                  <c:v>41820</c:v>
                </c:pt>
                <c:pt idx="778">
                  <c:v>41820</c:v>
                </c:pt>
                <c:pt idx="779">
                  <c:v>41820</c:v>
                </c:pt>
                <c:pt idx="780">
                  <c:v>41820</c:v>
                </c:pt>
                <c:pt idx="781">
                  <c:v>41820</c:v>
                </c:pt>
                <c:pt idx="782">
                  <c:v>41820</c:v>
                </c:pt>
                <c:pt idx="783">
                  <c:v>41820</c:v>
                </c:pt>
                <c:pt idx="784">
                  <c:v>41820</c:v>
                </c:pt>
                <c:pt idx="785">
                  <c:v>41820</c:v>
                </c:pt>
                <c:pt idx="786">
                  <c:v>41820</c:v>
                </c:pt>
                <c:pt idx="787">
                  <c:v>41820</c:v>
                </c:pt>
                <c:pt idx="788">
                  <c:v>41820</c:v>
                </c:pt>
                <c:pt idx="789">
                  <c:v>41820</c:v>
                </c:pt>
                <c:pt idx="790">
                  <c:v>41820</c:v>
                </c:pt>
                <c:pt idx="791">
                  <c:v>41820</c:v>
                </c:pt>
                <c:pt idx="792">
                  <c:v>41820</c:v>
                </c:pt>
                <c:pt idx="793">
                  <c:v>41820</c:v>
                </c:pt>
                <c:pt idx="794">
                  <c:v>41820</c:v>
                </c:pt>
                <c:pt idx="795">
                  <c:v>41820</c:v>
                </c:pt>
                <c:pt idx="796">
                  <c:v>41820</c:v>
                </c:pt>
                <c:pt idx="797">
                  <c:v>41820</c:v>
                </c:pt>
                <c:pt idx="798">
                  <c:v>41820</c:v>
                </c:pt>
                <c:pt idx="799">
                  <c:v>41820</c:v>
                </c:pt>
                <c:pt idx="800">
                  <c:v>41820</c:v>
                </c:pt>
                <c:pt idx="801">
                  <c:v>41820</c:v>
                </c:pt>
                <c:pt idx="802">
                  <c:v>41820</c:v>
                </c:pt>
                <c:pt idx="803">
                  <c:v>41820</c:v>
                </c:pt>
                <c:pt idx="804">
                  <c:v>41820</c:v>
                </c:pt>
                <c:pt idx="805">
                  <c:v>41820</c:v>
                </c:pt>
                <c:pt idx="806">
                  <c:v>41820</c:v>
                </c:pt>
                <c:pt idx="807">
                  <c:v>41820</c:v>
                </c:pt>
                <c:pt idx="808">
                  <c:v>41820</c:v>
                </c:pt>
                <c:pt idx="809">
                  <c:v>41820</c:v>
                </c:pt>
                <c:pt idx="810">
                  <c:v>41820</c:v>
                </c:pt>
                <c:pt idx="811">
                  <c:v>41820</c:v>
                </c:pt>
                <c:pt idx="812">
                  <c:v>41820</c:v>
                </c:pt>
                <c:pt idx="813">
                  <c:v>41820</c:v>
                </c:pt>
                <c:pt idx="814">
                  <c:v>41820</c:v>
                </c:pt>
                <c:pt idx="815">
                  <c:v>41820</c:v>
                </c:pt>
                <c:pt idx="816">
                  <c:v>41820</c:v>
                </c:pt>
                <c:pt idx="817">
                  <c:v>41820</c:v>
                </c:pt>
                <c:pt idx="818">
                  <c:v>41820</c:v>
                </c:pt>
                <c:pt idx="819">
                  <c:v>41820</c:v>
                </c:pt>
                <c:pt idx="820">
                  <c:v>41820</c:v>
                </c:pt>
                <c:pt idx="821">
                  <c:v>41820</c:v>
                </c:pt>
                <c:pt idx="822">
                  <c:v>41820</c:v>
                </c:pt>
                <c:pt idx="823">
                  <c:v>41820</c:v>
                </c:pt>
                <c:pt idx="824">
                  <c:v>41820</c:v>
                </c:pt>
                <c:pt idx="825">
                  <c:v>41820</c:v>
                </c:pt>
                <c:pt idx="826">
                  <c:v>41820</c:v>
                </c:pt>
                <c:pt idx="827">
                  <c:v>41820</c:v>
                </c:pt>
                <c:pt idx="828">
                  <c:v>41820</c:v>
                </c:pt>
                <c:pt idx="829">
                  <c:v>41820</c:v>
                </c:pt>
                <c:pt idx="830">
                  <c:v>41820</c:v>
                </c:pt>
                <c:pt idx="831">
                  <c:v>41820</c:v>
                </c:pt>
                <c:pt idx="832">
                  <c:v>41820</c:v>
                </c:pt>
                <c:pt idx="833">
                  <c:v>41820</c:v>
                </c:pt>
                <c:pt idx="834">
                  <c:v>41820</c:v>
                </c:pt>
                <c:pt idx="835">
                  <c:v>41820</c:v>
                </c:pt>
                <c:pt idx="836">
                  <c:v>41820</c:v>
                </c:pt>
                <c:pt idx="837">
                  <c:v>41820</c:v>
                </c:pt>
                <c:pt idx="838">
                  <c:v>41820</c:v>
                </c:pt>
                <c:pt idx="839">
                  <c:v>41820</c:v>
                </c:pt>
                <c:pt idx="840">
                  <c:v>41820</c:v>
                </c:pt>
                <c:pt idx="841">
                  <c:v>41820</c:v>
                </c:pt>
                <c:pt idx="842">
                  <c:v>41820</c:v>
                </c:pt>
                <c:pt idx="843">
                  <c:v>41820</c:v>
                </c:pt>
                <c:pt idx="844">
                  <c:v>41820</c:v>
                </c:pt>
                <c:pt idx="845">
                  <c:v>41820</c:v>
                </c:pt>
                <c:pt idx="846">
                  <c:v>41820</c:v>
                </c:pt>
                <c:pt idx="847">
                  <c:v>41820</c:v>
                </c:pt>
                <c:pt idx="848">
                  <c:v>41820</c:v>
                </c:pt>
                <c:pt idx="849">
                  <c:v>41820</c:v>
                </c:pt>
                <c:pt idx="850">
                  <c:v>41820</c:v>
                </c:pt>
                <c:pt idx="851">
                  <c:v>41820</c:v>
                </c:pt>
                <c:pt idx="852">
                  <c:v>41820</c:v>
                </c:pt>
                <c:pt idx="853">
                  <c:v>41820</c:v>
                </c:pt>
                <c:pt idx="854">
                  <c:v>41820</c:v>
                </c:pt>
                <c:pt idx="855">
                  <c:v>41820</c:v>
                </c:pt>
                <c:pt idx="856">
                  <c:v>41820</c:v>
                </c:pt>
                <c:pt idx="857">
                  <c:v>41820</c:v>
                </c:pt>
                <c:pt idx="858">
                  <c:v>41820</c:v>
                </c:pt>
                <c:pt idx="859">
                  <c:v>41820</c:v>
                </c:pt>
                <c:pt idx="860">
                  <c:v>41820</c:v>
                </c:pt>
                <c:pt idx="861">
                  <c:v>41820</c:v>
                </c:pt>
                <c:pt idx="862">
                  <c:v>41820</c:v>
                </c:pt>
                <c:pt idx="863">
                  <c:v>41820</c:v>
                </c:pt>
                <c:pt idx="864">
                  <c:v>41820</c:v>
                </c:pt>
                <c:pt idx="865">
                  <c:v>41820</c:v>
                </c:pt>
                <c:pt idx="866">
                  <c:v>41820</c:v>
                </c:pt>
                <c:pt idx="867">
                  <c:v>41820</c:v>
                </c:pt>
                <c:pt idx="868">
                  <c:v>41820</c:v>
                </c:pt>
                <c:pt idx="869">
                  <c:v>41820</c:v>
                </c:pt>
                <c:pt idx="870">
                  <c:v>41820</c:v>
                </c:pt>
                <c:pt idx="871">
                  <c:v>41820</c:v>
                </c:pt>
                <c:pt idx="872">
                  <c:v>41820</c:v>
                </c:pt>
                <c:pt idx="873">
                  <c:v>41820</c:v>
                </c:pt>
                <c:pt idx="874">
                  <c:v>41820</c:v>
                </c:pt>
                <c:pt idx="875">
                  <c:v>41820</c:v>
                </c:pt>
                <c:pt idx="876">
                  <c:v>41820</c:v>
                </c:pt>
                <c:pt idx="877">
                  <c:v>41820</c:v>
                </c:pt>
                <c:pt idx="878">
                  <c:v>41820</c:v>
                </c:pt>
                <c:pt idx="879">
                  <c:v>41820</c:v>
                </c:pt>
                <c:pt idx="880">
                  <c:v>41820</c:v>
                </c:pt>
                <c:pt idx="881">
                  <c:v>41820</c:v>
                </c:pt>
                <c:pt idx="882">
                  <c:v>41820</c:v>
                </c:pt>
                <c:pt idx="883">
                  <c:v>41820</c:v>
                </c:pt>
                <c:pt idx="884">
                  <c:v>41820</c:v>
                </c:pt>
                <c:pt idx="885">
                  <c:v>41820</c:v>
                </c:pt>
                <c:pt idx="886">
                  <c:v>41820</c:v>
                </c:pt>
                <c:pt idx="887">
                  <c:v>41820</c:v>
                </c:pt>
                <c:pt idx="888">
                  <c:v>41820</c:v>
                </c:pt>
                <c:pt idx="889">
                  <c:v>41820</c:v>
                </c:pt>
                <c:pt idx="890">
                  <c:v>41820</c:v>
                </c:pt>
                <c:pt idx="891">
                  <c:v>41820</c:v>
                </c:pt>
                <c:pt idx="892">
                  <c:v>41820</c:v>
                </c:pt>
                <c:pt idx="893">
                  <c:v>41820</c:v>
                </c:pt>
                <c:pt idx="894">
                  <c:v>41820</c:v>
                </c:pt>
                <c:pt idx="895">
                  <c:v>41820</c:v>
                </c:pt>
                <c:pt idx="896">
                  <c:v>41820</c:v>
                </c:pt>
                <c:pt idx="897">
                  <c:v>41820</c:v>
                </c:pt>
                <c:pt idx="898">
                  <c:v>41820</c:v>
                </c:pt>
                <c:pt idx="899">
                  <c:v>41820</c:v>
                </c:pt>
                <c:pt idx="900">
                  <c:v>41820</c:v>
                </c:pt>
                <c:pt idx="901">
                  <c:v>41820</c:v>
                </c:pt>
                <c:pt idx="902">
                  <c:v>41820</c:v>
                </c:pt>
                <c:pt idx="903">
                  <c:v>41820</c:v>
                </c:pt>
                <c:pt idx="904">
                  <c:v>41820</c:v>
                </c:pt>
                <c:pt idx="905">
                  <c:v>41820</c:v>
                </c:pt>
                <c:pt idx="906">
                  <c:v>41820</c:v>
                </c:pt>
                <c:pt idx="907">
                  <c:v>41820</c:v>
                </c:pt>
                <c:pt idx="908">
                  <c:v>41820</c:v>
                </c:pt>
                <c:pt idx="909">
                  <c:v>41820</c:v>
                </c:pt>
                <c:pt idx="910">
                  <c:v>41820</c:v>
                </c:pt>
                <c:pt idx="911">
                  <c:v>41820</c:v>
                </c:pt>
                <c:pt idx="912">
                  <c:v>41820</c:v>
                </c:pt>
                <c:pt idx="913">
                  <c:v>41820</c:v>
                </c:pt>
                <c:pt idx="914">
                  <c:v>41820</c:v>
                </c:pt>
                <c:pt idx="915">
                  <c:v>41820</c:v>
                </c:pt>
                <c:pt idx="916">
                  <c:v>41820</c:v>
                </c:pt>
                <c:pt idx="917">
                  <c:v>41820</c:v>
                </c:pt>
                <c:pt idx="918">
                  <c:v>41820</c:v>
                </c:pt>
                <c:pt idx="919">
                  <c:v>41820</c:v>
                </c:pt>
                <c:pt idx="920">
                  <c:v>41820</c:v>
                </c:pt>
                <c:pt idx="921">
                  <c:v>41820</c:v>
                </c:pt>
                <c:pt idx="922">
                  <c:v>41820</c:v>
                </c:pt>
                <c:pt idx="923">
                  <c:v>41820</c:v>
                </c:pt>
                <c:pt idx="924">
                  <c:v>41820</c:v>
                </c:pt>
                <c:pt idx="925">
                  <c:v>41820</c:v>
                </c:pt>
                <c:pt idx="926">
                  <c:v>41820</c:v>
                </c:pt>
                <c:pt idx="927">
                  <c:v>41820</c:v>
                </c:pt>
                <c:pt idx="928">
                  <c:v>41820</c:v>
                </c:pt>
                <c:pt idx="929">
                  <c:v>41820</c:v>
                </c:pt>
                <c:pt idx="930">
                  <c:v>41820</c:v>
                </c:pt>
                <c:pt idx="931">
                  <c:v>41820</c:v>
                </c:pt>
                <c:pt idx="932">
                  <c:v>41820</c:v>
                </c:pt>
                <c:pt idx="933">
                  <c:v>41820</c:v>
                </c:pt>
                <c:pt idx="934">
                  <c:v>41820</c:v>
                </c:pt>
                <c:pt idx="935">
                  <c:v>41820</c:v>
                </c:pt>
                <c:pt idx="936">
                  <c:v>41820</c:v>
                </c:pt>
                <c:pt idx="937">
                  <c:v>41820</c:v>
                </c:pt>
                <c:pt idx="938">
                  <c:v>41820</c:v>
                </c:pt>
                <c:pt idx="939">
                  <c:v>41820</c:v>
                </c:pt>
                <c:pt idx="940">
                  <c:v>41820</c:v>
                </c:pt>
                <c:pt idx="941">
                  <c:v>41820</c:v>
                </c:pt>
                <c:pt idx="942">
                  <c:v>41820</c:v>
                </c:pt>
                <c:pt idx="943">
                  <c:v>41820</c:v>
                </c:pt>
                <c:pt idx="944">
                  <c:v>41820</c:v>
                </c:pt>
                <c:pt idx="945">
                  <c:v>41820</c:v>
                </c:pt>
                <c:pt idx="946">
                  <c:v>41820</c:v>
                </c:pt>
                <c:pt idx="947">
                  <c:v>41820</c:v>
                </c:pt>
                <c:pt idx="948">
                  <c:v>41820</c:v>
                </c:pt>
                <c:pt idx="949">
                  <c:v>41820</c:v>
                </c:pt>
                <c:pt idx="950">
                  <c:v>41820</c:v>
                </c:pt>
                <c:pt idx="951">
                  <c:v>41820</c:v>
                </c:pt>
                <c:pt idx="952">
                  <c:v>41820</c:v>
                </c:pt>
                <c:pt idx="953">
                  <c:v>41820</c:v>
                </c:pt>
                <c:pt idx="954">
                  <c:v>41820</c:v>
                </c:pt>
                <c:pt idx="955">
                  <c:v>41820</c:v>
                </c:pt>
                <c:pt idx="956">
                  <c:v>41820</c:v>
                </c:pt>
                <c:pt idx="957">
                  <c:v>41820</c:v>
                </c:pt>
                <c:pt idx="958">
                  <c:v>41820</c:v>
                </c:pt>
                <c:pt idx="959">
                  <c:v>41820</c:v>
                </c:pt>
                <c:pt idx="960">
                  <c:v>41820</c:v>
                </c:pt>
                <c:pt idx="961">
                  <c:v>41820</c:v>
                </c:pt>
                <c:pt idx="962">
                  <c:v>41820</c:v>
                </c:pt>
                <c:pt idx="963">
                  <c:v>41820</c:v>
                </c:pt>
                <c:pt idx="964">
                  <c:v>41820</c:v>
                </c:pt>
                <c:pt idx="965">
                  <c:v>41820</c:v>
                </c:pt>
                <c:pt idx="966">
                  <c:v>41820</c:v>
                </c:pt>
                <c:pt idx="967">
                  <c:v>41820</c:v>
                </c:pt>
                <c:pt idx="968">
                  <c:v>41820</c:v>
                </c:pt>
                <c:pt idx="969">
                  <c:v>41820</c:v>
                </c:pt>
                <c:pt idx="970">
                  <c:v>41820</c:v>
                </c:pt>
                <c:pt idx="971">
                  <c:v>41820</c:v>
                </c:pt>
                <c:pt idx="972">
                  <c:v>41820</c:v>
                </c:pt>
                <c:pt idx="973">
                  <c:v>41820</c:v>
                </c:pt>
                <c:pt idx="974">
                  <c:v>41820</c:v>
                </c:pt>
                <c:pt idx="975">
                  <c:v>41820</c:v>
                </c:pt>
                <c:pt idx="976">
                  <c:v>41820</c:v>
                </c:pt>
                <c:pt idx="977">
                  <c:v>41820</c:v>
                </c:pt>
                <c:pt idx="978">
                  <c:v>41820</c:v>
                </c:pt>
                <c:pt idx="979">
                  <c:v>41820</c:v>
                </c:pt>
                <c:pt idx="980">
                  <c:v>41820</c:v>
                </c:pt>
                <c:pt idx="981">
                  <c:v>41820</c:v>
                </c:pt>
                <c:pt idx="982">
                  <c:v>41820</c:v>
                </c:pt>
                <c:pt idx="983">
                  <c:v>41820</c:v>
                </c:pt>
                <c:pt idx="984">
                  <c:v>41820</c:v>
                </c:pt>
                <c:pt idx="985">
                  <c:v>41820</c:v>
                </c:pt>
                <c:pt idx="986">
                  <c:v>41820</c:v>
                </c:pt>
                <c:pt idx="987">
                  <c:v>41820</c:v>
                </c:pt>
                <c:pt idx="988">
                  <c:v>41820</c:v>
                </c:pt>
                <c:pt idx="989">
                  <c:v>41820</c:v>
                </c:pt>
                <c:pt idx="990">
                  <c:v>41820</c:v>
                </c:pt>
                <c:pt idx="991">
                  <c:v>41820</c:v>
                </c:pt>
                <c:pt idx="992">
                  <c:v>41820</c:v>
                </c:pt>
                <c:pt idx="993">
                  <c:v>41820</c:v>
                </c:pt>
                <c:pt idx="994">
                  <c:v>41820</c:v>
                </c:pt>
                <c:pt idx="995">
                  <c:v>41820</c:v>
                </c:pt>
                <c:pt idx="996">
                  <c:v>41820</c:v>
                </c:pt>
                <c:pt idx="997">
                  <c:v>41820</c:v>
                </c:pt>
                <c:pt idx="998">
                  <c:v>41820</c:v>
                </c:pt>
                <c:pt idx="999">
                  <c:v>41820</c:v>
                </c:pt>
                <c:pt idx="1000">
                  <c:v>41820</c:v>
                </c:pt>
                <c:pt idx="1001">
                  <c:v>41820</c:v>
                </c:pt>
                <c:pt idx="1002">
                  <c:v>41820</c:v>
                </c:pt>
                <c:pt idx="1003">
                  <c:v>41820</c:v>
                </c:pt>
                <c:pt idx="1004">
                  <c:v>41820</c:v>
                </c:pt>
                <c:pt idx="1005">
                  <c:v>41820</c:v>
                </c:pt>
                <c:pt idx="1006">
                  <c:v>41820</c:v>
                </c:pt>
                <c:pt idx="1007">
                  <c:v>41820</c:v>
                </c:pt>
                <c:pt idx="1008">
                  <c:v>41820</c:v>
                </c:pt>
                <c:pt idx="1009">
                  <c:v>41820</c:v>
                </c:pt>
                <c:pt idx="1010">
                  <c:v>41820</c:v>
                </c:pt>
                <c:pt idx="1011">
                  <c:v>41820</c:v>
                </c:pt>
                <c:pt idx="1012">
                  <c:v>41820</c:v>
                </c:pt>
                <c:pt idx="1013">
                  <c:v>41821</c:v>
                </c:pt>
                <c:pt idx="1014">
                  <c:v>41821</c:v>
                </c:pt>
                <c:pt idx="1015">
                  <c:v>41821</c:v>
                </c:pt>
                <c:pt idx="1016">
                  <c:v>41821</c:v>
                </c:pt>
                <c:pt idx="1017">
                  <c:v>41821</c:v>
                </c:pt>
                <c:pt idx="1018">
                  <c:v>41821</c:v>
                </c:pt>
                <c:pt idx="1019">
                  <c:v>41821</c:v>
                </c:pt>
                <c:pt idx="1020">
                  <c:v>41821</c:v>
                </c:pt>
                <c:pt idx="1021">
                  <c:v>41821</c:v>
                </c:pt>
                <c:pt idx="1022">
                  <c:v>41821</c:v>
                </c:pt>
                <c:pt idx="1023">
                  <c:v>41821</c:v>
                </c:pt>
                <c:pt idx="1024">
                  <c:v>41821</c:v>
                </c:pt>
                <c:pt idx="1025">
                  <c:v>41821</c:v>
                </c:pt>
                <c:pt idx="1026">
                  <c:v>41821</c:v>
                </c:pt>
                <c:pt idx="1027">
                  <c:v>41821</c:v>
                </c:pt>
                <c:pt idx="1028">
                  <c:v>41821</c:v>
                </c:pt>
                <c:pt idx="1029">
                  <c:v>41821</c:v>
                </c:pt>
                <c:pt idx="1030">
                  <c:v>41821</c:v>
                </c:pt>
                <c:pt idx="1031">
                  <c:v>41822</c:v>
                </c:pt>
                <c:pt idx="1032">
                  <c:v>41822</c:v>
                </c:pt>
                <c:pt idx="1033">
                  <c:v>41822</c:v>
                </c:pt>
                <c:pt idx="1034">
                  <c:v>41822</c:v>
                </c:pt>
                <c:pt idx="1035">
                  <c:v>41822</c:v>
                </c:pt>
                <c:pt idx="1036">
                  <c:v>41822</c:v>
                </c:pt>
                <c:pt idx="1037">
                  <c:v>41822</c:v>
                </c:pt>
                <c:pt idx="1038">
                  <c:v>41823</c:v>
                </c:pt>
                <c:pt idx="1039">
                  <c:v>41823</c:v>
                </c:pt>
                <c:pt idx="1040">
                  <c:v>41823</c:v>
                </c:pt>
                <c:pt idx="1041">
                  <c:v>41823</c:v>
                </c:pt>
                <c:pt idx="1042">
                  <c:v>41823</c:v>
                </c:pt>
                <c:pt idx="1043">
                  <c:v>41824</c:v>
                </c:pt>
                <c:pt idx="1044">
                  <c:v>41824</c:v>
                </c:pt>
                <c:pt idx="1045">
                  <c:v>41824</c:v>
                </c:pt>
                <c:pt idx="1046">
                  <c:v>41825</c:v>
                </c:pt>
                <c:pt idx="1047">
                  <c:v>41825</c:v>
                </c:pt>
                <c:pt idx="1048">
                  <c:v>41826</c:v>
                </c:pt>
                <c:pt idx="1049">
                  <c:v>41828</c:v>
                </c:pt>
                <c:pt idx="1050">
                  <c:v>41829</c:v>
                </c:pt>
                <c:pt idx="1051">
                  <c:v>41830</c:v>
                </c:pt>
                <c:pt idx="1052">
                  <c:v>41830</c:v>
                </c:pt>
                <c:pt idx="1053">
                  <c:v>41830</c:v>
                </c:pt>
                <c:pt idx="1054">
                  <c:v>41830</c:v>
                </c:pt>
                <c:pt idx="1055">
                  <c:v>41830</c:v>
                </c:pt>
                <c:pt idx="1056">
                  <c:v>41830</c:v>
                </c:pt>
                <c:pt idx="1057">
                  <c:v>41830</c:v>
                </c:pt>
                <c:pt idx="1058">
                  <c:v>41830</c:v>
                </c:pt>
                <c:pt idx="1059">
                  <c:v>41830</c:v>
                </c:pt>
                <c:pt idx="1060">
                  <c:v>41830</c:v>
                </c:pt>
                <c:pt idx="1061">
                  <c:v>41830</c:v>
                </c:pt>
                <c:pt idx="1062">
                  <c:v>41830</c:v>
                </c:pt>
                <c:pt idx="1063">
                  <c:v>41830</c:v>
                </c:pt>
                <c:pt idx="1064">
                  <c:v>41830</c:v>
                </c:pt>
                <c:pt idx="1065">
                  <c:v>41830</c:v>
                </c:pt>
                <c:pt idx="1066">
                  <c:v>41830</c:v>
                </c:pt>
                <c:pt idx="1067">
                  <c:v>41830</c:v>
                </c:pt>
                <c:pt idx="1068">
                  <c:v>41830</c:v>
                </c:pt>
                <c:pt idx="1069">
                  <c:v>41830</c:v>
                </c:pt>
                <c:pt idx="1070">
                  <c:v>41830</c:v>
                </c:pt>
                <c:pt idx="1071">
                  <c:v>41830</c:v>
                </c:pt>
                <c:pt idx="1072">
                  <c:v>41830</c:v>
                </c:pt>
                <c:pt idx="1073">
                  <c:v>41830</c:v>
                </c:pt>
                <c:pt idx="1074">
                  <c:v>41830</c:v>
                </c:pt>
                <c:pt idx="1075">
                  <c:v>41830</c:v>
                </c:pt>
                <c:pt idx="1076">
                  <c:v>41830</c:v>
                </c:pt>
                <c:pt idx="1077">
                  <c:v>41830</c:v>
                </c:pt>
                <c:pt idx="1078">
                  <c:v>41831</c:v>
                </c:pt>
                <c:pt idx="1079">
                  <c:v>41831</c:v>
                </c:pt>
                <c:pt idx="1080">
                  <c:v>41831</c:v>
                </c:pt>
                <c:pt idx="1081">
                  <c:v>41831</c:v>
                </c:pt>
                <c:pt idx="1082">
                  <c:v>41831</c:v>
                </c:pt>
                <c:pt idx="1083">
                  <c:v>41831</c:v>
                </c:pt>
                <c:pt idx="1084">
                  <c:v>41831</c:v>
                </c:pt>
                <c:pt idx="1085">
                  <c:v>41831</c:v>
                </c:pt>
                <c:pt idx="1086">
                  <c:v>41831</c:v>
                </c:pt>
                <c:pt idx="1087">
                  <c:v>41831</c:v>
                </c:pt>
                <c:pt idx="1088">
                  <c:v>41831</c:v>
                </c:pt>
                <c:pt idx="1089">
                  <c:v>41831</c:v>
                </c:pt>
                <c:pt idx="1090">
                  <c:v>41831</c:v>
                </c:pt>
                <c:pt idx="1091">
                  <c:v>41831</c:v>
                </c:pt>
                <c:pt idx="1092">
                  <c:v>41831</c:v>
                </c:pt>
                <c:pt idx="1093">
                  <c:v>41831</c:v>
                </c:pt>
                <c:pt idx="1094">
                  <c:v>41831</c:v>
                </c:pt>
                <c:pt idx="1095">
                  <c:v>41831</c:v>
                </c:pt>
                <c:pt idx="1096">
                  <c:v>41831</c:v>
                </c:pt>
                <c:pt idx="1097">
                  <c:v>41831</c:v>
                </c:pt>
                <c:pt idx="1098">
                  <c:v>41831</c:v>
                </c:pt>
                <c:pt idx="1099">
                  <c:v>41831</c:v>
                </c:pt>
                <c:pt idx="1100">
                  <c:v>41831</c:v>
                </c:pt>
                <c:pt idx="1101">
                  <c:v>41831</c:v>
                </c:pt>
                <c:pt idx="1102">
                  <c:v>41831</c:v>
                </c:pt>
                <c:pt idx="1103">
                  <c:v>41831</c:v>
                </c:pt>
                <c:pt idx="1104">
                  <c:v>41831</c:v>
                </c:pt>
                <c:pt idx="1105">
                  <c:v>41831</c:v>
                </c:pt>
                <c:pt idx="1106">
                  <c:v>41831</c:v>
                </c:pt>
                <c:pt idx="1107">
                  <c:v>41832</c:v>
                </c:pt>
                <c:pt idx="1108">
                  <c:v>41832</c:v>
                </c:pt>
                <c:pt idx="1109">
                  <c:v>41832</c:v>
                </c:pt>
                <c:pt idx="1110">
                  <c:v>41832</c:v>
                </c:pt>
                <c:pt idx="1111">
                  <c:v>41832</c:v>
                </c:pt>
                <c:pt idx="1112">
                  <c:v>41832</c:v>
                </c:pt>
                <c:pt idx="1113">
                  <c:v>41832</c:v>
                </c:pt>
                <c:pt idx="1114">
                  <c:v>41832</c:v>
                </c:pt>
                <c:pt idx="1115">
                  <c:v>41832</c:v>
                </c:pt>
                <c:pt idx="1116">
                  <c:v>41832</c:v>
                </c:pt>
                <c:pt idx="1117">
                  <c:v>41832</c:v>
                </c:pt>
                <c:pt idx="1118">
                  <c:v>41833</c:v>
                </c:pt>
                <c:pt idx="1119">
                  <c:v>41833</c:v>
                </c:pt>
                <c:pt idx="1120">
                  <c:v>41833</c:v>
                </c:pt>
                <c:pt idx="1121">
                  <c:v>41833</c:v>
                </c:pt>
                <c:pt idx="1122">
                  <c:v>41833</c:v>
                </c:pt>
                <c:pt idx="1123">
                  <c:v>41833</c:v>
                </c:pt>
                <c:pt idx="1124">
                  <c:v>41834</c:v>
                </c:pt>
                <c:pt idx="1125">
                  <c:v>41834</c:v>
                </c:pt>
                <c:pt idx="1126">
                  <c:v>41834</c:v>
                </c:pt>
                <c:pt idx="1127">
                  <c:v>41834</c:v>
                </c:pt>
                <c:pt idx="1128">
                  <c:v>41835</c:v>
                </c:pt>
                <c:pt idx="1129">
                  <c:v>41835</c:v>
                </c:pt>
                <c:pt idx="1130">
                  <c:v>41835</c:v>
                </c:pt>
                <c:pt idx="1131">
                  <c:v>41836</c:v>
                </c:pt>
                <c:pt idx="1132">
                  <c:v>41836</c:v>
                </c:pt>
                <c:pt idx="1133">
                  <c:v>41837</c:v>
                </c:pt>
                <c:pt idx="1134">
                  <c:v>41837</c:v>
                </c:pt>
                <c:pt idx="1135">
                  <c:v>41838</c:v>
                </c:pt>
                <c:pt idx="1136">
                  <c:v>41839</c:v>
                </c:pt>
                <c:pt idx="1137">
                  <c:v>41840</c:v>
                </c:pt>
                <c:pt idx="1138">
                  <c:v>41841</c:v>
                </c:pt>
                <c:pt idx="1139">
                  <c:v>41842</c:v>
                </c:pt>
                <c:pt idx="1140">
                  <c:v>41843</c:v>
                </c:pt>
                <c:pt idx="1141">
                  <c:v>41844</c:v>
                </c:pt>
                <c:pt idx="1142">
                  <c:v>41845</c:v>
                </c:pt>
                <c:pt idx="1143">
                  <c:v>41845</c:v>
                </c:pt>
                <c:pt idx="1144">
                  <c:v>41845</c:v>
                </c:pt>
                <c:pt idx="1145">
                  <c:v>41845</c:v>
                </c:pt>
                <c:pt idx="1146">
                  <c:v>41846</c:v>
                </c:pt>
                <c:pt idx="1147">
                  <c:v>41846</c:v>
                </c:pt>
                <c:pt idx="1148">
                  <c:v>41846</c:v>
                </c:pt>
                <c:pt idx="1149">
                  <c:v>41846</c:v>
                </c:pt>
                <c:pt idx="1150">
                  <c:v>41847</c:v>
                </c:pt>
                <c:pt idx="1151">
                  <c:v>41847</c:v>
                </c:pt>
                <c:pt idx="1152">
                  <c:v>41847</c:v>
                </c:pt>
                <c:pt idx="1153">
                  <c:v>41848</c:v>
                </c:pt>
                <c:pt idx="1154">
                  <c:v>41848</c:v>
                </c:pt>
                <c:pt idx="1155">
                  <c:v>41848</c:v>
                </c:pt>
                <c:pt idx="1156">
                  <c:v>41848</c:v>
                </c:pt>
                <c:pt idx="1157">
                  <c:v>41848</c:v>
                </c:pt>
                <c:pt idx="1158">
                  <c:v>41849</c:v>
                </c:pt>
                <c:pt idx="1159">
                  <c:v>41849</c:v>
                </c:pt>
                <c:pt idx="1160">
                  <c:v>41849</c:v>
                </c:pt>
                <c:pt idx="1161">
                  <c:v>41849</c:v>
                </c:pt>
                <c:pt idx="1162">
                  <c:v>41849</c:v>
                </c:pt>
                <c:pt idx="1163">
                  <c:v>41850</c:v>
                </c:pt>
                <c:pt idx="1164">
                  <c:v>41850</c:v>
                </c:pt>
                <c:pt idx="1165">
                  <c:v>41850</c:v>
                </c:pt>
                <c:pt idx="1166">
                  <c:v>41850</c:v>
                </c:pt>
                <c:pt idx="1167">
                  <c:v>41850</c:v>
                </c:pt>
                <c:pt idx="1168">
                  <c:v>41850</c:v>
                </c:pt>
                <c:pt idx="1169">
                  <c:v>41850</c:v>
                </c:pt>
                <c:pt idx="1170">
                  <c:v>41850</c:v>
                </c:pt>
                <c:pt idx="1171">
                  <c:v>41850</c:v>
                </c:pt>
                <c:pt idx="1172">
                  <c:v>41850</c:v>
                </c:pt>
                <c:pt idx="1173">
                  <c:v>41850</c:v>
                </c:pt>
                <c:pt idx="1174">
                  <c:v>41850</c:v>
                </c:pt>
                <c:pt idx="1175">
                  <c:v>41850</c:v>
                </c:pt>
                <c:pt idx="1176">
                  <c:v>41850</c:v>
                </c:pt>
                <c:pt idx="1177">
                  <c:v>41850</c:v>
                </c:pt>
                <c:pt idx="1178">
                  <c:v>41850</c:v>
                </c:pt>
                <c:pt idx="1179">
                  <c:v>41850</c:v>
                </c:pt>
                <c:pt idx="1180">
                  <c:v>41850</c:v>
                </c:pt>
                <c:pt idx="1181">
                  <c:v>41850</c:v>
                </c:pt>
                <c:pt idx="1182">
                  <c:v>41850</c:v>
                </c:pt>
                <c:pt idx="1183">
                  <c:v>41850</c:v>
                </c:pt>
                <c:pt idx="1184">
                  <c:v>41850</c:v>
                </c:pt>
                <c:pt idx="1185">
                  <c:v>41850</c:v>
                </c:pt>
                <c:pt idx="1186">
                  <c:v>41850</c:v>
                </c:pt>
                <c:pt idx="1187">
                  <c:v>41850</c:v>
                </c:pt>
                <c:pt idx="1188">
                  <c:v>41850</c:v>
                </c:pt>
                <c:pt idx="1189">
                  <c:v>41850</c:v>
                </c:pt>
                <c:pt idx="1190">
                  <c:v>41850</c:v>
                </c:pt>
                <c:pt idx="1191">
                  <c:v>41850</c:v>
                </c:pt>
                <c:pt idx="1192">
                  <c:v>41850</c:v>
                </c:pt>
                <c:pt idx="1193">
                  <c:v>41850</c:v>
                </c:pt>
                <c:pt idx="1194">
                  <c:v>41850</c:v>
                </c:pt>
                <c:pt idx="1195">
                  <c:v>41850</c:v>
                </c:pt>
                <c:pt idx="1196">
                  <c:v>41850</c:v>
                </c:pt>
                <c:pt idx="1197">
                  <c:v>41850</c:v>
                </c:pt>
                <c:pt idx="1198">
                  <c:v>41850</c:v>
                </c:pt>
                <c:pt idx="1199">
                  <c:v>41850</c:v>
                </c:pt>
                <c:pt idx="1200">
                  <c:v>41850</c:v>
                </c:pt>
                <c:pt idx="1201">
                  <c:v>41850</c:v>
                </c:pt>
                <c:pt idx="1202">
                  <c:v>41850</c:v>
                </c:pt>
                <c:pt idx="1203">
                  <c:v>41850</c:v>
                </c:pt>
                <c:pt idx="1204">
                  <c:v>41850</c:v>
                </c:pt>
                <c:pt idx="1205">
                  <c:v>41850</c:v>
                </c:pt>
                <c:pt idx="1206">
                  <c:v>41850</c:v>
                </c:pt>
                <c:pt idx="1207">
                  <c:v>41850</c:v>
                </c:pt>
                <c:pt idx="1208">
                  <c:v>41850</c:v>
                </c:pt>
                <c:pt idx="1209">
                  <c:v>41850</c:v>
                </c:pt>
                <c:pt idx="1210">
                  <c:v>41850</c:v>
                </c:pt>
                <c:pt idx="1211">
                  <c:v>41850</c:v>
                </c:pt>
                <c:pt idx="1212">
                  <c:v>41850</c:v>
                </c:pt>
                <c:pt idx="1213">
                  <c:v>41850</c:v>
                </c:pt>
                <c:pt idx="1214">
                  <c:v>41850</c:v>
                </c:pt>
                <c:pt idx="1215">
                  <c:v>41850</c:v>
                </c:pt>
                <c:pt idx="1216">
                  <c:v>41850</c:v>
                </c:pt>
                <c:pt idx="1217">
                  <c:v>41850</c:v>
                </c:pt>
                <c:pt idx="1218">
                  <c:v>41850</c:v>
                </c:pt>
                <c:pt idx="1219">
                  <c:v>41850</c:v>
                </c:pt>
                <c:pt idx="1220">
                  <c:v>41850</c:v>
                </c:pt>
                <c:pt idx="1221">
                  <c:v>41850</c:v>
                </c:pt>
                <c:pt idx="1222">
                  <c:v>41850</c:v>
                </c:pt>
                <c:pt idx="1223">
                  <c:v>41850</c:v>
                </c:pt>
                <c:pt idx="1224">
                  <c:v>41850</c:v>
                </c:pt>
                <c:pt idx="1225">
                  <c:v>41850</c:v>
                </c:pt>
                <c:pt idx="1226">
                  <c:v>41850</c:v>
                </c:pt>
                <c:pt idx="1227">
                  <c:v>41850</c:v>
                </c:pt>
                <c:pt idx="1228">
                  <c:v>41850</c:v>
                </c:pt>
                <c:pt idx="1229">
                  <c:v>41850</c:v>
                </c:pt>
                <c:pt idx="1230">
                  <c:v>41850</c:v>
                </c:pt>
                <c:pt idx="1231">
                  <c:v>41850</c:v>
                </c:pt>
                <c:pt idx="1232">
                  <c:v>41850</c:v>
                </c:pt>
                <c:pt idx="1233">
                  <c:v>41850</c:v>
                </c:pt>
                <c:pt idx="1234">
                  <c:v>41851</c:v>
                </c:pt>
                <c:pt idx="1235">
                  <c:v>41851</c:v>
                </c:pt>
                <c:pt idx="1236">
                  <c:v>41851</c:v>
                </c:pt>
                <c:pt idx="1237">
                  <c:v>41851</c:v>
                </c:pt>
                <c:pt idx="1238">
                  <c:v>41851</c:v>
                </c:pt>
                <c:pt idx="1239">
                  <c:v>41851</c:v>
                </c:pt>
                <c:pt idx="1240">
                  <c:v>41851</c:v>
                </c:pt>
                <c:pt idx="1241">
                  <c:v>41851</c:v>
                </c:pt>
                <c:pt idx="1242">
                  <c:v>41851</c:v>
                </c:pt>
                <c:pt idx="1243">
                  <c:v>41851</c:v>
                </c:pt>
                <c:pt idx="1244">
                  <c:v>41851</c:v>
                </c:pt>
                <c:pt idx="1245">
                  <c:v>41851</c:v>
                </c:pt>
                <c:pt idx="1246">
                  <c:v>41851</c:v>
                </c:pt>
                <c:pt idx="1247">
                  <c:v>41851</c:v>
                </c:pt>
                <c:pt idx="1248">
                  <c:v>41851</c:v>
                </c:pt>
                <c:pt idx="1249">
                  <c:v>41851</c:v>
                </c:pt>
                <c:pt idx="1250">
                  <c:v>41851</c:v>
                </c:pt>
                <c:pt idx="1251">
                  <c:v>41851</c:v>
                </c:pt>
                <c:pt idx="1252">
                  <c:v>41851</c:v>
                </c:pt>
                <c:pt idx="1253">
                  <c:v>41851</c:v>
                </c:pt>
                <c:pt idx="1254">
                  <c:v>41851</c:v>
                </c:pt>
                <c:pt idx="1255">
                  <c:v>41851</c:v>
                </c:pt>
                <c:pt idx="1256">
                  <c:v>41851</c:v>
                </c:pt>
                <c:pt idx="1257">
                  <c:v>41851</c:v>
                </c:pt>
                <c:pt idx="1258">
                  <c:v>41851</c:v>
                </c:pt>
                <c:pt idx="1259">
                  <c:v>41851</c:v>
                </c:pt>
                <c:pt idx="1260">
                  <c:v>41851</c:v>
                </c:pt>
                <c:pt idx="1261">
                  <c:v>41851</c:v>
                </c:pt>
                <c:pt idx="1262">
                  <c:v>41851</c:v>
                </c:pt>
                <c:pt idx="1263">
                  <c:v>41851</c:v>
                </c:pt>
                <c:pt idx="1264">
                  <c:v>41851</c:v>
                </c:pt>
                <c:pt idx="1265">
                  <c:v>41851</c:v>
                </c:pt>
                <c:pt idx="1266">
                  <c:v>41851</c:v>
                </c:pt>
                <c:pt idx="1267">
                  <c:v>41851</c:v>
                </c:pt>
                <c:pt idx="1268">
                  <c:v>41851</c:v>
                </c:pt>
                <c:pt idx="1269">
                  <c:v>41851</c:v>
                </c:pt>
                <c:pt idx="1270">
                  <c:v>41852</c:v>
                </c:pt>
                <c:pt idx="1271">
                  <c:v>41852</c:v>
                </c:pt>
                <c:pt idx="1272">
                  <c:v>41852</c:v>
                </c:pt>
                <c:pt idx="1273">
                  <c:v>41852</c:v>
                </c:pt>
                <c:pt idx="1274">
                  <c:v>41852</c:v>
                </c:pt>
                <c:pt idx="1275">
                  <c:v>41852</c:v>
                </c:pt>
                <c:pt idx="1276">
                  <c:v>41852</c:v>
                </c:pt>
                <c:pt idx="1277">
                  <c:v>41852</c:v>
                </c:pt>
                <c:pt idx="1278">
                  <c:v>41852</c:v>
                </c:pt>
                <c:pt idx="1279">
                  <c:v>41852</c:v>
                </c:pt>
                <c:pt idx="1280">
                  <c:v>41852</c:v>
                </c:pt>
                <c:pt idx="1281">
                  <c:v>41852</c:v>
                </c:pt>
                <c:pt idx="1282">
                  <c:v>41852</c:v>
                </c:pt>
                <c:pt idx="1283">
                  <c:v>41852</c:v>
                </c:pt>
                <c:pt idx="1284">
                  <c:v>41852</c:v>
                </c:pt>
                <c:pt idx="1285">
                  <c:v>41853</c:v>
                </c:pt>
                <c:pt idx="1286">
                  <c:v>41853</c:v>
                </c:pt>
                <c:pt idx="1287">
                  <c:v>41853</c:v>
                </c:pt>
                <c:pt idx="1288">
                  <c:v>41853</c:v>
                </c:pt>
                <c:pt idx="1289">
                  <c:v>41853</c:v>
                </c:pt>
                <c:pt idx="1290">
                  <c:v>41853</c:v>
                </c:pt>
                <c:pt idx="1291">
                  <c:v>41853</c:v>
                </c:pt>
                <c:pt idx="1292">
                  <c:v>41853</c:v>
                </c:pt>
                <c:pt idx="1293">
                  <c:v>41853</c:v>
                </c:pt>
                <c:pt idx="1294">
                  <c:v>41854</c:v>
                </c:pt>
                <c:pt idx="1295">
                  <c:v>41854</c:v>
                </c:pt>
                <c:pt idx="1296">
                  <c:v>41854</c:v>
                </c:pt>
                <c:pt idx="1297">
                  <c:v>41854</c:v>
                </c:pt>
                <c:pt idx="1298">
                  <c:v>41854</c:v>
                </c:pt>
                <c:pt idx="1299">
                  <c:v>41855</c:v>
                </c:pt>
                <c:pt idx="1300">
                  <c:v>41855</c:v>
                </c:pt>
                <c:pt idx="1301">
                  <c:v>41855</c:v>
                </c:pt>
                <c:pt idx="1302">
                  <c:v>41855</c:v>
                </c:pt>
                <c:pt idx="1303">
                  <c:v>41856</c:v>
                </c:pt>
                <c:pt idx="1304">
                  <c:v>41856</c:v>
                </c:pt>
                <c:pt idx="1305">
                  <c:v>41856</c:v>
                </c:pt>
                <c:pt idx="1306">
                  <c:v>41856</c:v>
                </c:pt>
                <c:pt idx="1307">
                  <c:v>41856</c:v>
                </c:pt>
                <c:pt idx="1308">
                  <c:v>41856</c:v>
                </c:pt>
                <c:pt idx="1309">
                  <c:v>41856</c:v>
                </c:pt>
                <c:pt idx="1310">
                  <c:v>41856</c:v>
                </c:pt>
                <c:pt idx="1311">
                  <c:v>41856</c:v>
                </c:pt>
                <c:pt idx="1312">
                  <c:v>41856</c:v>
                </c:pt>
                <c:pt idx="1313">
                  <c:v>41856</c:v>
                </c:pt>
                <c:pt idx="1314">
                  <c:v>41856</c:v>
                </c:pt>
                <c:pt idx="1315">
                  <c:v>41856</c:v>
                </c:pt>
                <c:pt idx="1316">
                  <c:v>41856</c:v>
                </c:pt>
                <c:pt idx="1317">
                  <c:v>41856</c:v>
                </c:pt>
                <c:pt idx="1318">
                  <c:v>41856</c:v>
                </c:pt>
                <c:pt idx="1319">
                  <c:v>41856</c:v>
                </c:pt>
                <c:pt idx="1320">
                  <c:v>41856</c:v>
                </c:pt>
                <c:pt idx="1321">
                  <c:v>41856</c:v>
                </c:pt>
                <c:pt idx="1322">
                  <c:v>41856</c:v>
                </c:pt>
                <c:pt idx="1323">
                  <c:v>41856</c:v>
                </c:pt>
                <c:pt idx="1324">
                  <c:v>41856</c:v>
                </c:pt>
                <c:pt idx="1325">
                  <c:v>41856</c:v>
                </c:pt>
                <c:pt idx="1326">
                  <c:v>41856</c:v>
                </c:pt>
                <c:pt idx="1327">
                  <c:v>41856</c:v>
                </c:pt>
                <c:pt idx="1328">
                  <c:v>41856</c:v>
                </c:pt>
                <c:pt idx="1329">
                  <c:v>41856</c:v>
                </c:pt>
                <c:pt idx="1330">
                  <c:v>41856</c:v>
                </c:pt>
                <c:pt idx="1331">
                  <c:v>41856</c:v>
                </c:pt>
                <c:pt idx="1332">
                  <c:v>41856</c:v>
                </c:pt>
                <c:pt idx="1333">
                  <c:v>41856</c:v>
                </c:pt>
                <c:pt idx="1334">
                  <c:v>41856</c:v>
                </c:pt>
                <c:pt idx="1335">
                  <c:v>41856</c:v>
                </c:pt>
                <c:pt idx="1336">
                  <c:v>41856</c:v>
                </c:pt>
                <c:pt idx="1337">
                  <c:v>41856</c:v>
                </c:pt>
                <c:pt idx="1338">
                  <c:v>41856</c:v>
                </c:pt>
                <c:pt idx="1339">
                  <c:v>41856</c:v>
                </c:pt>
                <c:pt idx="1340">
                  <c:v>41856</c:v>
                </c:pt>
                <c:pt idx="1341">
                  <c:v>41856</c:v>
                </c:pt>
                <c:pt idx="1342">
                  <c:v>41856</c:v>
                </c:pt>
                <c:pt idx="1343">
                  <c:v>41856</c:v>
                </c:pt>
                <c:pt idx="1344">
                  <c:v>41856</c:v>
                </c:pt>
                <c:pt idx="1345">
                  <c:v>41856</c:v>
                </c:pt>
                <c:pt idx="1346">
                  <c:v>41856</c:v>
                </c:pt>
                <c:pt idx="1347">
                  <c:v>41856</c:v>
                </c:pt>
                <c:pt idx="1348">
                  <c:v>41856</c:v>
                </c:pt>
                <c:pt idx="1349">
                  <c:v>41856</c:v>
                </c:pt>
                <c:pt idx="1350">
                  <c:v>41856</c:v>
                </c:pt>
                <c:pt idx="1351">
                  <c:v>41856</c:v>
                </c:pt>
                <c:pt idx="1352">
                  <c:v>41856</c:v>
                </c:pt>
                <c:pt idx="1353">
                  <c:v>41856</c:v>
                </c:pt>
                <c:pt idx="1354">
                  <c:v>41856</c:v>
                </c:pt>
                <c:pt idx="1355">
                  <c:v>41856</c:v>
                </c:pt>
                <c:pt idx="1356">
                  <c:v>41856</c:v>
                </c:pt>
                <c:pt idx="1357">
                  <c:v>41856</c:v>
                </c:pt>
                <c:pt idx="1358">
                  <c:v>41856</c:v>
                </c:pt>
                <c:pt idx="1359">
                  <c:v>41856</c:v>
                </c:pt>
                <c:pt idx="1360">
                  <c:v>41856</c:v>
                </c:pt>
                <c:pt idx="1361">
                  <c:v>41856</c:v>
                </c:pt>
                <c:pt idx="1362">
                  <c:v>41856</c:v>
                </c:pt>
                <c:pt idx="1363">
                  <c:v>41856</c:v>
                </c:pt>
                <c:pt idx="1364">
                  <c:v>41856</c:v>
                </c:pt>
                <c:pt idx="1365">
                  <c:v>41856</c:v>
                </c:pt>
                <c:pt idx="1366">
                  <c:v>41856</c:v>
                </c:pt>
                <c:pt idx="1367">
                  <c:v>41856</c:v>
                </c:pt>
                <c:pt idx="1368">
                  <c:v>41856</c:v>
                </c:pt>
                <c:pt idx="1369">
                  <c:v>41856</c:v>
                </c:pt>
                <c:pt idx="1370">
                  <c:v>41856</c:v>
                </c:pt>
                <c:pt idx="1371">
                  <c:v>41856</c:v>
                </c:pt>
                <c:pt idx="1372">
                  <c:v>41856</c:v>
                </c:pt>
                <c:pt idx="1373">
                  <c:v>41856</c:v>
                </c:pt>
                <c:pt idx="1374">
                  <c:v>41856</c:v>
                </c:pt>
                <c:pt idx="1375">
                  <c:v>41856</c:v>
                </c:pt>
                <c:pt idx="1376">
                  <c:v>41856</c:v>
                </c:pt>
                <c:pt idx="1377">
                  <c:v>41856</c:v>
                </c:pt>
                <c:pt idx="1378">
                  <c:v>41856</c:v>
                </c:pt>
                <c:pt idx="1379">
                  <c:v>41856</c:v>
                </c:pt>
                <c:pt idx="1380">
                  <c:v>41856</c:v>
                </c:pt>
                <c:pt idx="1381">
                  <c:v>41856</c:v>
                </c:pt>
                <c:pt idx="1382">
                  <c:v>41856</c:v>
                </c:pt>
                <c:pt idx="1383">
                  <c:v>41856</c:v>
                </c:pt>
                <c:pt idx="1384">
                  <c:v>41856</c:v>
                </c:pt>
                <c:pt idx="1385">
                  <c:v>41856</c:v>
                </c:pt>
                <c:pt idx="1386">
                  <c:v>41856</c:v>
                </c:pt>
                <c:pt idx="1387">
                  <c:v>41856</c:v>
                </c:pt>
                <c:pt idx="1388">
                  <c:v>41856</c:v>
                </c:pt>
                <c:pt idx="1389">
                  <c:v>41856</c:v>
                </c:pt>
                <c:pt idx="1390">
                  <c:v>41856</c:v>
                </c:pt>
                <c:pt idx="1391">
                  <c:v>41856</c:v>
                </c:pt>
                <c:pt idx="1392">
                  <c:v>41856</c:v>
                </c:pt>
                <c:pt idx="1393">
                  <c:v>41856</c:v>
                </c:pt>
                <c:pt idx="1394">
                  <c:v>41856</c:v>
                </c:pt>
                <c:pt idx="1395">
                  <c:v>41856</c:v>
                </c:pt>
                <c:pt idx="1396">
                  <c:v>41856</c:v>
                </c:pt>
                <c:pt idx="1397">
                  <c:v>41856</c:v>
                </c:pt>
                <c:pt idx="1398">
                  <c:v>41856</c:v>
                </c:pt>
                <c:pt idx="1399">
                  <c:v>41856</c:v>
                </c:pt>
                <c:pt idx="1400">
                  <c:v>41856</c:v>
                </c:pt>
                <c:pt idx="1401">
                  <c:v>41856</c:v>
                </c:pt>
                <c:pt idx="1402">
                  <c:v>41856</c:v>
                </c:pt>
                <c:pt idx="1403">
                  <c:v>41856</c:v>
                </c:pt>
                <c:pt idx="1404">
                  <c:v>41856</c:v>
                </c:pt>
                <c:pt idx="1405">
                  <c:v>41856</c:v>
                </c:pt>
                <c:pt idx="1406">
                  <c:v>41856</c:v>
                </c:pt>
                <c:pt idx="1407">
                  <c:v>41856</c:v>
                </c:pt>
                <c:pt idx="1408">
                  <c:v>41856</c:v>
                </c:pt>
                <c:pt idx="1409">
                  <c:v>41856</c:v>
                </c:pt>
                <c:pt idx="1410">
                  <c:v>41856</c:v>
                </c:pt>
                <c:pt idx="1411">
                  <c:v>41856</c:v>
                </c:pt>
                <c:pt idx="1412">
                  <c:v>41856</c:v>
                </c:pt>
                <c:pt idx="1413">
                  <c:v>41856</c:v>
                </c:pt>
                <c:pt idx="1414">
                  <c:v>41856</c:v>
                </c:pt>
                <c:pt idx="1415">
                  <c:v>41856</c:v>
                </c:pt>
                <c:pt idx="1416">
                  <c:v>41856</c:v>
                </c:pt>
                <c:pt idx="1417">
                  <c:v>41856</c:v>
                </c:pt>
                <c:pt idx="1418">
                  <c:v>41856</c:v>
                </c:pt>
                <c:pt idx="1419">
                  <c:v>41856</c:v>
                </c:pt>
                <c:pt idx="1420">
                  <c:v>41856</c:v>
                </c:pt>
                <c:pt idx="1421">
                  <c:v>41856</c:v>
                </c:pt>
                <c:pt idx="1422">
                  <c:v>41856</c:v>
                </c:pt>
                <c:pt idx="1423">
                  <c:v>41856</c:v>
                </c:pt>
                <c:pt idx="1424">
                  <c:v>41856</c:v>
                </c:pt>
                <c:pt idx="1425">
                  <c:v>41856</c:v>
                </c:pt>
                <c:pt idx="1426">
                  <c:v>41856</c:v>
                </c:pt>
                <c:pt idx="1427">
                  <c:v>41856</c:v>
                </c:pt>
                <c:pt idx="1428">
                  <c:v>41856</c:v>
                </c:pt>
                <c:pt idx="1429">
                  <c:v>41856</c:v>
                </c:pt>
                <c:pt idx="1430">
                  <c:v>41856</c:v>
                </c:pt>
                <c:pt idx="1431">
                  <c:v>41856</c:v>
                </c:pt>
                <c:pt idx="1432">
                  <c:v>41856</c:v>
                </c:pt>
                <c:pt idx="1433">
                  <c:v>41856</c:v>
                </c:pt>
                <c:pt idx="1434">
                  <c:v>41856</c:v>
                </c:pt>
                <c:pt idx="1435">
                  <c:v>41856</c:v>
                </c:pt>
                <c:pt idx="1436">
                  <c:v>41856</c:v>
                </c:pt>
                <c:pt idx="1437">
                  <c:v>41856</c:v>
                </c:pt>
                <c:pt idx="1438">
                  <c:v>41856</c:v>
                </c:pt>
                <c:pt idx="1439">
                  <c:v>41856</c:v>
                </c:pt>
                <c:pt idx="1440">
                  <c:v>41856</c:v>
                </c:pt>
                <c:pt idx="1441">
                  <c:v>41856</c:v>
                </c:pt>
                <c:pt idx="1442">
                  <c:v>41856</c:v>
                </c:pt>
                <c:pt idx="1443">
                  <c:v>41856</c:v>
                </c:pt>
                <c:pt idx="1444">
                  <c:v>41856</c:v>
                </c:pt>
                <c:pt idx="1445">
                  <c:v>41856</c:v>
                </c:pt>
                <c:pt idx="1446">
                  <c:v>41856</c:v>
                </c:pt>
                <c:pt idx="1447">
                  <c:v>41856</c:v>
                </c:pt>
                <c:pt idx="1448">
                  <c:v>41856</c:v>
                </c:pt>
                <c:pt idx="1449">
                  <c:v>41856</c:v>
                </c:pt>
                <c:pt idx="1450">
                  <c:v>41856</c:v>
                </c:pt>
                <c:pt idx="1451">
                  <c:v>41856</c:v>
                </c:pt>
                <c:pt idx="1452">
                  <c:v>41856</c:v>
                </c:pt>
                <c:pt idx="1453">
                  <c:v>41856</c:v>
                </c:pt>
                <c:pt idx="1454">
                  <c:v>41856</c:v>
                </c:pt>
                <c:pt idx="1455">
                  <c:v>41856</c:v>
                </c:pt>
                <c:pt idx="1456">
                  <c:v>41856</c:v>
                </c:pt>
                <c:pt idx="1457">
                  <c:v>41856</c:v>
                </c:pt>
                <c:pt idx="1458">
                  <c:v>41856</c:v>
                </c:pt>
                <c:pt idx="1459">
                  <c:v>41856</c:v>
                </c:pt>
                <c:pt idx="1460">
                  <c:v>41856</c:v>
                </c:pt>
                <c:pt idx="1461">
                  <c:v>41856</c:v>
                </c:pt>
                <c:pt idx="1462">
                  <c:v>41856</c:v>
                </c:pt>
                <c:pt idx="1463">
                  <c:v>41856</c:v>
                </c:pt>
                <c:pt idx="1464">
                  <c:v>41856</c:v>
                </c:pt>
                <c:pt idx="1465">
                  <c:v>41856</c:v>
                </c:pt>
                <c:pt idx="1466">
                  <c:v>41856</c:v>
                </c:pt>
                <c:pt idx="1467">
                  <c:v>41856</c:v>
                </c:pt>
                <c:pt idx="1468">
                  <c:v>41856</c:v>
                </c:pt>
                <c:pt idx="1469">
                  <c:v>41856</c:v>
                </c:pt>
                <c:pt idx="1470">
                  <c:v>41856</c:v>
                </c:pt>
                <c:pt idx="1471">
                  <c:v>41856</c:v>
                </c:pt>
                <c:pt idx="1472">
                  <c:v>41856</c:v>
                </c:pt>
                <c:pt idx="1473">
                  <c:v>41856</c:v>
                </c:pt>
                <c:pt idx="1474">
                  <c:v>41856</c:v>
                </c:pt>
                <c:pt idx="1475">
                  <c:v>41856</c:v>
                </c:pt>
                <c:pt idx="1476">
                  <c:v>41856</c:v>
                </c:pt>
                <c:pt idx="1477">
                  <c:v>41856</c:v>
                </c:pt>
                <c:pt idx="1478">
                  <c:v>41856</c:v>
                </c:pt>
                <c:pt idx="1479">
                  <c:v>41856</c:v>
                </c:pt>
                <c:pt idx="1480">
                  <c:v>41856</c:v>
                </c:pt>
                <c:pt idx="1481">
                  <c:v>41856</c:v>
                </c:pt>
                <c:pt idx="1482">
                  <c:v>41856</c:v>
                </c:pt>
                <c:pt idx="1483">
                  <c:v>41856</c:v>
                </c:pt>
                <c:pt idx="1484">
                  <c:v>41856</c:v>
                </c:pt>
                <c:pt idx="1485">
                  <c:v>41856</c:v>
                </c:pt>
                <c:pt idx="1486">
                  <c:v>41856</c:v>
                </c:pt>
                <c:pt idx="1487">
                  <c:v>41856</c:v>
                </c:pt>
                <c:pt idx="1488">
                  <c:v>41856</c:v>
                </c:pt>
                <c:pt idx="1489">
                  <c:v>41856</c:v>
                </c:pt>
                <c:pt idx="1490">
                  <c:v>41856</c:v>
                </c:pt>
                <c:pt idx="1491">
                  <c:v>41856</c:v>
                </c:pt>
                <c:pt idx="1492">
                  <c:v>41856</c:v>
                </c:pt>
                <c:pt idx="1493">
                  <c:v>41856</c:v>
                </c:pt>
                <c:pt idx="1494">
                  <c:v>41856</c:v>
                </c:pt>
                <c:pt idx="1495">
                  <c:v>41856</c:v>
                </c:pt>
                <c:pt idx="1496">
                  <c:v>41856</c:v>
                </c:pt>
                <c:pt idx="1497">
                  <c:v>41856</c:v>
                </c:pt>
                <c:pt idx="1498">
                  <c:v>41856</c:v>
                </c:pt>
                <c:pt idx="1499">
                  <c:v>41856</c:v>
                </c:pt>
                <c:pt idx="1500">
                  <c:v>41856</c:v>
                </c:pt>
                <c:pt idx="1501">
                  <c:v>41856</c:v>
                </c:pt>
                <c:pt idx="1502">
                  <c:v>41856</c:v>
                </c:pt>
                <c:pt idx="1503">
                  <c:v>41856</c:v>
                </c:pt>
                <c:pt idx="1504">
                  <c:v>41856</c:v>
                </c:pt>
                <c:pt idx="1505">
                  <c:v>41856</c:v>
                </c:pt>
                <c:pt idx="1506">
                  <c:v>41856</c:v>
                </c:pt>
                <c:pt idx="1507">
                  <c:v>41856</c:v>
                </c:pt>
                <c:pt idx="1508">
                  <c:v>41856</c:v>
                </c:pt>
                <c:pt idx="1509">
                  <c:v>41856</c:v>
                </c:pt>
                <c:pt idx="1510">
                  <c:v>41856</c:v>
                </c:pt>
                <c:pt idx="1511">
                  <c:v>41856</c:v>
                </c:pt>
                <c:pt idx="1512">
                  <c:v>41856</c:v>
                </c:pt>
                <c:pt idx="1513">
                  <c:v>41856</c:v>
                </c:pt>
                <c:pt idx="1514">
                  <c:v>41856</c:v>
                </c:pt>
                <c:pt idx="1515">
                  <c:v>41856</c:v>
                </c:pt>
                <c:pt idx="1516">
                  <c:v>41856</c:v>
                </c:pt>
                <c:pt idx="1517">
                  <c:v>41856</c:v>
                </c:pt>
                <c:pt idx="1518">
                  <c:v>41856</c:v>
                </c:pt>
                <c:pt idx="1519">
                  <c:v>41856</c:v>
                </c:pt>
                <c:pt idx="1520">
                  <c:v>41856</c:v>
                </c:pt>
                <c:pt idx="1521">
                  <c:v>41856</c:v>
                </c:pt>
                <c:pt idx="1522">
                  <c:v>41856</c:v>
                </c:pt>
                <c:pt idx="1523">
                  <c:v>41856</c:v>
                </c:pt>
                <c:pt idx="1524">
                  <c:v>41856</c:v>
                </c:pt>
                <c:pt idx="1525">
                  <c:v>41856</c:v>
                </c:pt>
                <c:pt idx="1526">
                  <c:v>41856</c:v>
                </c:pt>
                <c:pt idx="1527">
                  <c:v>41856</c:v>
                </c:pt>
                <c:pt idx="1528">
                  <c:v>41856</c:v>
                </c:pt>
                <c:pt idx="1529">
                  <c:v>41856</c:v>
                </c:pt>
                <c:pt idx="1530">
                  <c:v>41856</c:v>
                </c:pt>
                <c:pt idx="1531">
                  <c:v>41856</c:v>
                </c:pt>
                <c:pt idx="1532">
                  <c:v>41856</c:v>
                </c:pt>
                <c:pt idx="1533">
                  <c:v>41856</c:v>
                </c:pt>
                <c:pt idx="1534">
                  <c:v>41856</c:v>
                </c:pt>
                <c:pt idx="1535">
                  <c:v>41856</c:v>
                </c:pt>
                <c:pt idx="1536">
                  <c:v>41856</c:v>
                </c:pt>
                <c:pt idx="1537">
                  <c:v>41856</c:v>
                </c:pt>
                <c:pt idx="1538">
                  <c:v>41856</c:v>
                </c:pt>
                <c:pt idx="1539">
                  <c:v>41856</c:v>
                </c:pt>
                <c:pt idx="1540">
                  <c:v>41856</c:v>
                </c:pt>
                <c:pt idx="1541">
                  <c:v>41856</c:v>
                </c:pt>
                <c:pt idx="1542">
                  <c:v>41856</c:v>
                </c:pt>
                <c:pt idx="1543">
                  <c:v>41856</c:v>
                </c:pt>
                <c:pt idx="1544">
                  <c:v>41856</c:v>
                </c:pt>
                <c:pt idx="1545">
                  <c:v>41856</c:v>
                </c:pt>
                <c:pt idx="1546">
                  <c:v>41856</c:v>
                </c:pt>
                <c:pt idx="1547">
                  <c:v>41856</c:v>
                </c:pt>
                <c:pt idx="1548">
                  <c:v>41856</c:v>
                </c:pt>
                <c:pt idx="1549">
                  <c:v>41856</c:v>
                </c:pt>
                <c:pt idx="1550">
                  <c:v>41856</c:v>
                </c:pt>
                <c:pt idx="1551">
                  <c:v>41856</c:v>
                </c:pt>
                <c:pt idx="1552">
                  <c:v>41856</c:v>
                </c:pt>
                <c:pt idx="1553">
                  <c:v>41856</c:v>
                </c:pt>
                <c:pt idx="1554">
                  <c:v>41856</c:v>
                </c:pt>
                <c:pt idx="1555">
                  <c:v>41856</c:v>
                </c:pt>
                <c:pt idx="1556">
                  <c:v>41856</c:v>
                </c:pt>
                <c:pt idx="1557">
                  <c:v>41856</c:v>
                </c:pt>
                <c:pt idx="1558">
                  <c:v>41856</c:v>
                </c:pt>
                <c:pt idx="1559">
                  <c:v>41856</c:v>
                </c:pt>
                <c:pt idx="1560">
                  <c:v>41856</c:v>
                </c:pt>
                <c:pt idx="1561">
                  <c:v>41856</c:v>
                </c:pt>
                <c:pt idx="1562">
                  <c:v>41856</c:v>
                </c:pt>
                <c:pt idx="1563">
                  <c:v>41856</c:v>
                </c:pt>
                <c:pt idx="1564">
                  <c:v>41856</c:v>
                </c:pt>
                <c:pt idx="1565">
                  <c:v>41856</c:v>
                </c:pt>
                <c:pt idx="1566">
                  <c:v>41856</c:v>
                </c:pt>
                <c:pt idx="1567">
                  <c:v>41856</c:v>
                </c:pt>
                <c:pt idx="1568">
                  <c:v>41856</c:v>
                </c:pt>
                <c:pt idx="1569">
                  <c:v>41856</c:v>
                </c:pt>
                <c:pt idx="1570">
                  <c:v>41856</c:v>
                </c:pt>
                <c:pt idx="1571">
                  <c:v>41856</c:v>
                </c:pt>
                <c:pt idx="1572">
                  <c:v>41856</c:v>
                </c:pt>
                <c:pt idx="1573">
                  <c:v>41856</c:v>
                </c:pt>
                <c:pt idx="1574">
                  <c:v>41856</c:v>
                </c:pt>
                <c:pt idx="1575">
                  <c:v>41856</c:v>
                </c:pt>
                <c:pt idx="1576">
                  <c:v>41856</c:v>
                </c:pt>
                <c:pt idx="1577">
                  <c:v>41856</c:v>
                </c:pt>
                <c:pt idx="1578">
                  <c:v>41856</c:v>
                </c:pt>
                <c:pt idx="1579">
                  <c:v>41856</c:v>
                </c:pt>
                <c:pt idx="1580">
                  <c:v>41856</c:v>
                </c:pt>
                <c:pt idx="1581">
                  <c:v>41856</c:v>
                </c:pt>
                <c:pt idx="1582">
                  <c:v>41856</c:v>
                </c:pt>
                <c:pt idx="1583">
                  <c:v>41856</c:v>
                </c:pt>
                <c:pt idx="1584">
                  <c:v>41856</c:v>
                </c:pt>
                <c:pt idx="1585">
                  <c:v>41856</c:v>
                </c:pt>
                <c:pt idx="1586">
                  <c:v>41856</c:v>
                </c:pt>
                <c:pt idx="1587">
                  <c:v>41856</c:v>
                </c:pt>
                <c:pt idx="1588">
                  <c:v>41856</c:v>
                </c:pt>
                <c:pt idx="1589">
                  <c:v>41856</c:v>
                </c:pt>
                <c:pt idx="1590">
                  <c:v>41857</c:v>
                </c:pt>
                <c:pt idx="1591">
                  <c:v>41857</c:v>
                </c:pt>
                <c:pt idx="1592">
                  <c:v>41857</c:v>
                </c:pt>
                <c:pt idx="1593">
                  <c:v>41857</c:v>
                </c:pt>
                <c:pt idx="1594">
                  <c:v>41857</c:v>
                </c:pt>
                <c:pt idx="1595">
                  <c:v>41857</c:v>
                </c:pt>
                <c:pt idx="1596">
                  <c:v>41857</c:v>
                </c:pt>
                <c:pt idx="1597">
                  <c:v>41857</c:v>
                </c:pt>
                <c:pt idx="1598">
                  <c:v>41857</c:v>
                </c:pt>
                <c:pt idx="1599">
                  <c:v>41857</c:v>
                </c:pt>
                <c:pt idx="1600">
                  <c:v>41857</c:v>
                </c:pt>
                <c:pt idx="1601">
                  <c:v>41857</c:v>
                </c:pt>
                <c:pt idx="1602">
                  <c:v>41857</c:v>
                </c:pt>
                <c:pt idx="1603">
                  <c:v>41857</c:v>
                </c:pt>
                <c:pt idx="1604">
                  <c:v>41857</c:v>
                </c:pt>
                <c:pt idx="1605">
                  <c:v>41857</c:v>
                </c:pt>
                <c:pt idx="1606">
                  <c:v>41857</c:v>
                </c:pt>
                <c:pt idx="1607">
                  <c:v>41857</c:v>
                </c:pt>
                <c:pt idx="1608">
                  <c:v>41857</c:v>
                </c:pt>
                <c:pt idx="1609">
                  <c:v>41857</c:v>
                </c:pt>
                <c:pt idx="1610">
                  <c:v>41857</c:v>
                </c:pt>
                <c:pt idx="1611">
                  <c:v>41857</c:v>
                </c:pt>
                <c:pt idx="1612">
                  <c:v>41857</c:v>
                </c:pt>
                <c:pt idx="1613">
                  <c:v>41857</c:v>
                </c:pt>
                <c:pt idx="1614">
                  <c:v>41858</c:v>
                </c:pt>
                <c:pt idx="1615">
                  <c:v>41858</c:v>
                </c:pt>
                <c:pt idx="1616">
                  <c:v>41858</c:v>
                </c:pt>
                <c:pt idx="1617">
                  <c:v>41858</c:v>
                </c:pt>
                <c:pt idx="1618">
                  <c:v>41858</c:v>
                </c:pt>
                <c:pt idx="1619">
                  <c:v>41858</c:v>
                </c:pt>
                <c:pt idx="1620">
                  <c:v>41858</c:v>
                </c:pt>
                <c:pt idx="1621">
                  <c:v>41858</c:v>
                </c:pt>
                <c:pt idx="1622">
                  <c:v>41858</c:v>
                </c:pt>
                <c:pt idx="1623">
                  <c:v>41858</c:v>
                </c:pt>
                <c:pt idx="1624">
                  <c:v>41858</c:v>
                </c:pt>
                <c:pt idx="1625">
                  <c:v>41858</c:v>
                </c:pt>
                <c:pt idx="1626">
                  <c:v>41858</c:v>
                </c:pt>
                <c:pt idx="1627">
                  <c:v>41858</c:v>
                </c:pt>
                <c:pt idx="1628">
                  <c:v>41859</c:v>
                </c:pt>
                <c:pt idx="1629">
                  <c:v>41859</c:v>
                </c:pt>
                <c:pt idx="1630">
                  <c:v>41859</c:v>
                </c:pt>
                <c:pt idx="1631">
                  <c:v>41859</c:v>
                </c:pt>
                <c:pt idx="1632">
                  <c:v>41859</c:v>
                </c:pt>
                <c:pt idx="1633">
                  <c:v>41859</c:v>
                </c:pt>
                <c:pt idx="1634">
                  <c:v>41859</c:v>
                </c:pt>
                <c:pt idx="1635">
                  <c:v>41860</c:v>
                </c:pt>
                <c:pt idx="1636">
                  <c:v>41860</c:v>
                </c:pt>
                <c:pt idx="1637">
                  <c:v>41860</c:v>
                </c:pt>
                <c:pt idx="1638">
                  <c:v>41860</c:v>
                </c:pt>
                <c:pt idx="1639">
                  <c:v>41860</c:v>
                </c:pt>
                <c:pt idx="1640">
                  <c:v>41861</c:v>
                </c:pt>
                <c:pt idx="1641">
                  <c:v>41861</c:v>
                </c:pt>
                <c:pt idx="1642">
                  <c:v>41861</c:v>
                </c:pt>
                <c:pt idx="1643">
                  <c:v>41861</c:v>
                </c:pt>
                <c:pt idx="1644">
                  <c:v>41862</c:v>
                </c:pt>
                <c:pt idx="1645">
                  <c:v>41862</c:v>
                </c:pt>
                <c:pt idx="1646">
                  <c:v>41862</c:v>
                </c:pt>
                <c:pt idx="1647">
                  <c:v>41863</c:v>
                </c:pt>
                <c:pt idx="1648">
                  <c:v>41863</c:v>
                </c:pt>
                <c:pt idx="1649">
                  <c:v>41864</c:v>
                </c:pt>
                <c:pt idx="1650">
                  <c:v>41864</c:v>
                </c:pt>
                <c:pt idx="1651">
                  <c:v>41865</c:v>
                </c:pt>
                <c:pt idx="1652">
                  <c:v>41865</c:v>
                </c:pt>
                <c:pt idx="1653">
                  <c:v>41865</c:v>
                </c:pt>
                <c:pt idx="1654">
                  <c:v>41865</c:v>
                </c:pt>
                <c:pt idx="1655">
                  <c:v>41865</c:v>
                </c:pt>
                <c:pt idx="1656">
                  <c:v>41865</c:v>
                </c:pt>
                <c:pt idx="1657">
                  <c:v>41865</c:v>
                </c:pt>
                <c:pt idx="1658">
                  <c:v>41865</c:v>
                </c:pt>
                <c:pt idx="1659">
                  <c:v>41865</c:v>
                </c:pt>
                <c:pt idx="1660">
                  <c:v>41865</c:v>
                </c:pt>
                <c:pt idx="1661">
                  <c:v>41865</c:v>
                </c:pt>
                <c:pt idx="1662">
                  <c:v>41865</c:v>
                </c:pt>
                <c:pt idx="1663">
                  <c:v>41865</c:v>
                </c:pt>
                <c:pt idx="1664">
                  <c:v>41865</c:v>
                </c:pt>
                <c:pt idx="1665">
                  <c:v>41865</c:v>
                </c:pt>
                <c:pt idx="1666">
                  <c:v>41865</c:v>
                </c:pt>
                <c:pt idx="1667">
                  <c:v>41865</c:v>
                </c:pt>
                <c:pt idx="1668">
                  <c:v>41865</c:v>
                </c:pt>
                <c:pt idx="1669">
                  <c:v>41865</c:v>
                </c:pt>
                <c:pt idx="1670">
                  <c:v>41865</c:v>
                </c:pt>
                <c:pt idx="1671">
                  <c:v>41865</c:v>
                </c:pt>
                <c:pt idx="1672">
                  <c:v>41865</c:v>
                </c:pt>
                <c:pt idx="1673">
                  <c:v>41865</c:v>
                </c:pt>
                <c:pt idx="1674">
                  <c:v>41865</c:v>
                </c:pt>
                <c:pt idx="1675">
                  <c:v>41865</c:v>
                </c:pt>
                <c:pt idx="1676">
                  <c:v>41865</c:v>
                </c:pt>
                <c:pt idx="1677">
                  <c:v>41865</c:v>
                </c:pt>
                <c:pt idx="1678">
                  <c:v>41865</c:v>
                </c:pt>
                <c:pt idx="1679">
                  <c:v>41865</c:v>
                </c:pt>
                <c:pt idx="1680">
                  <c:v>41865</c:v>
                </c:pt>
                <c:pt idx="1681">
                  <c:v>41865</c:v>
                </c:pt>
                <c:pt idx="1682">
                  <c:v>41865</c:v>
                </c:pt>
                <c:pt idx="1683">
                  <c:v>41865</c:v>
                </c:pt>
                <c:pt idx="1684">
                  <c:v>41865</c:v>
                </c:pt>
                <c:pt idx="1685">
                  <c:v>41865</c:v>
                </c:pt>
                <c:pt idx="1686">
                  <c:v>41865</c:v>
                </c:pt>
                <c:pt idx="1687">
                  <c:v>41865</c:v>
                </c:pt>
                <c:pt idx="1688">
                  <c:v>41865</c:v>
                </c:pt>
                <c:pt idx="1689">
                  <c:v>41865</c:v>
                </c:pt>
                <c:pt idx="1690">
                  <c:v>41865</c:v>
                </c:pt>
                <c:pt idx="1691">
                  <c:v>41865</c:v>
                </c:pt>
                <c:pt idx="1692">
                  <c:v>41865</c:v>
                </c:pt>
                <c:pt idx="1693">
                  <c:v>41865</c:v>
                </c:pt>
                <c:pt idx="1694">
                  <c:v>41865</c:v>
                </c:pt>
                <c:pt idx="1695">
                  <c:v>41865</c:v>
                </c:pt>
                <c:pt idx="1696">
                  <c:v>41865</c:v>
                </c:pt>
                <c:pt idx="1697">
                  <c:v>41865</c:v>
                </c:pt>
                <c:pt idx="1698">
                  <c:v>41865</c:v>
                </c:pt>
                <c:pt idx="1699">
                  <c:v>41865</c:v>
                </c:pt>
                <c:pt idx="1700">
                  <c:v>41865</c:v>
                </c:pt>
                <c:pt idx="1701">
                  <c:v>41865</c:v>
                </c:pt>
                <c:pt idx="1702">
                  <c:v>41865</c:v>
                </c:pt>
                <c:pt idx="1703">
                  <c:v>41865</c:v>
                </c:pt>
                <c:pt idx="1704">
                  <c:v>41865</c:v>
                </c:pt>
                <c:pt idx="1705">
                  <c:v>41865</c:v>
                </c:pt>
                <c:pt idx="1706">
                  <c:v>41865</c:v>
                </c:pt>
                <c:pt idx="1707">
                  <c:v>41865</c:v>
                </c:pt>
                <c:pt idx="1708">
                  <c:v>41865</c:v>
                </c:pt>
                <c:pt idx="1709">
                  <c:v>41865</c:v>
                </c:pt>
                <c:pt idx="1710">
                  <c:v>41865</c:v>
                </c:pt>
                <c:pt idx="1711">
                  <c:v>41865</c:v>
                </c:pt>
                <c:pt idx="1712">
                  <c:v>41865</c:v>
                </c:pt>
                <c:pt idx="1713">
                  <c:v>41865</c:v>
                </c:pt>
                <c:pt idx="1714">
                  <c:v>41865</c:v>
                </c:pt>
                <c:pt idx="1715">
                  <c:v>41865</c:v>
                </c:pt>
                <c:pt idx="1716">
                  <c:v>41865</c:v>
                </c:pt>
                <c:pt idx="1717">
                  <c:v>41865</c:v>
                </c:pt>
                <c:pt idx="1718">
                  <c:v>41865</c:v>
                </c:pt>
                <c:pt idx="1719">
                  <c:v>41865</c:v>
                </c:pt>
                <c:pt idx="1720">
                  <c:v>41865</c:v>
                </c:pt>
                <c:pt idx="1721">
                  <c:v>41865</c:v>
                </c:pt>
                <c:pt idx="1722">
                  <c:v>41865</c:v>
                </c:pt>
                <c:pt idx="1723">
                  <c:v>41865</c:v>
                </c:pt>
                <c:pt idx="1724">
                  <c:v>41865</c:v>
                </c:pt>
                <c:pt idx="1725">
                  <c:v>41865</c:v>
                </c:pt>
                <c:pt idx="1726">
                  <c:v>41865</c:v>
                </c:pt>
                <c:pt idx="1727">
                  <c:v>41865</c:v>
                </c:pt>
                <c:pt idx="1728">
                  <c:v>41865</c:v>
                </c:pt>
                <c:pt idx="1729">
                  <c:v>41865</c:v>
                </c:pt>
                <c:pt idx="1730">
                  <c:v>41865</c:v>
                </c:pt>
                <c:pt idx="1731">
                  <c:v>41865</c:v>
                </c:pt>
                <c:pt idx="1732">
                  <c:v>41865</c:v>
                </c:pt>
                <c:pt idx="1733">
                  <c:v>41865</c:v>
                </c:pt>
                <c:pt idx="1734">
                  <c:v>41865</c:v>
                </c:pt>
                <c:pt idx="1735">
                  <c:v>41865</c:v>
                </c:pt>
                <c:pt idx="1736">
                  <c:v>41865</c:v>
                </c:pt>
                <c:pt idx="1737">
                  <c:v>41865</c:v>
                </c:pt>
                <c:pt idx="1738">
                  <c:v>41865</c:v>
                </c:pt>
                <c:pt idx="1739">
                  <c:v>41865</c:v>
                </c:pt>
                <c:pt idx="1740">
                  <c:v>41865</c:v>
                </c:pt>
                <c:pt idx="1741">
                  <c:v>41865</c:v>
                </c:pt>
                <c:pt idx="1742">
                  <c:v>41865</c:v>
                </c:pt>
                <c:pt idx="1743">
                  <c:v>41865</c:v>
                </c:pt>
                <c:pt idx="1744">
                  <c:v>41865</c:v>
                </c:pt>
                <c:pt idx="1745">
                  <c:v>41865</c:v>
                </c:pt>
                <c:pt idx="1746">
                  <c:v>41865</c:v>
                </c:pt>
                <c:pt idx="1747">
                  <c:v>41865</c:v>
                </c:pt>
                <c:pt idx="1748">
                  <c:v>41865</c:v>
                </c:pt>
                <c:pt idx="1749">
                  <c:v>41865</c:v>
                </c:pt>
                <c:pt idx="1750">
                  <c:v>41865</c:v>
                </c:pt>
                <c:pt idx="1751">
                  <c:v>41865</c:v>
                </c:pt>
                <c:pt idx="1752">
                  <c:v>41865</c:v>
                </c:pt>
                <c:pt idx="1753">
                  <c:v>41865</c:v>
                </c:pt>
                <c:pt idx="1754">
                  <c:v>41865</c:v>
                </c:pt>
                <c:pt idx="1755">
                  <c:v>41865</c:v>
                </c:pt>
                <c:pt idx="1756">
                  <c:v>41865</c:v>
                </c:pt>
                <c:pt idx="1757">
                  <c:v>41865</c:v>
                </c:pt>
                <c:pt idx="1758">
                  <c:v>41865</c:v>
                </c:pt>
                <c:pt idx="1759">
                  <c:v>41865</c:v>
                </c:pt>
                <c:pt idx="1760">
                  <c:v>41865</c:v>
                </c:pt>
                <c:pt idx="1761">
                  <c:v>41865</c:v>
                </c:pt>
                <c:pt idx="1762">
                  <c:v>41865</c:v>
                </c:pt>
                <c:pt idx="1763">
                  <c:v>41865</c:v>
                </c:pt>
                <c:pt idx="1764">
                  <c:v>41865</c:v>
                </c:pt>
                <c:pt idx="1765">
                  <c:v>41865</c:v>
                </c:pt>
                <c:pt idx="1766">
                  <c:v>41865</c:v>
                </c:pt>
                <c:pt idx="1767">
                  <c:v>41865</c:v>
                </c:pt>
                <c:pt idx="1768">
                  <c:v>41865</c:v>
                </c:pt>
                <c:pt idx="1769">
                  <c:v>41865</c:v>
                </c:pt>
                <c:pt idx="1770">
                  <c:v>41865</c:v>
                </c:pt>
                <c:pt idx="1771">
                  <c:v>41865</c:v>
                </c:pt>
                <c:pt idx="1772">
                  <c:v>41865</c:v>
                </c:pt>
                <c:pt idx="1773">
                  <c:v>41865</c:v>
                </c:pt>
                <c:pt idx="1774">
                  <c:v>41865</c:v>
                </c:pt>
                <c:pt idx="1775">
                  <c:v>41865</c:v>
                </c:pt>
                <c:pt idx="1776">
                  <c:v>41865</c:v>
                </c:pt>
                <c:pt idx="1777">
                  <c:v>41865</c:v>
                </c:pt>
                <c:pt idx="1778">
                  <c:v>41865</c:v>
                </c:pt>
                <c:pt idx="1779">
                  <c:v>41865</c:v>
                </c:pt>
                <c:pt idx="1780">
                  <c:v>41865</c:v>
                </c:pt>
                <c:pt idx="1781">
                  <c:v>41865</c:v>
                </c:pt>
                <c:pt idx="1782">
                  <c:v>41865</c:v>
                </c:pt>
                <c:pt idx="1783">
                  <c:v>41865</c:v>
                </c:pt>
                <c:pt idx="1784">
                  <c:v>41865</c:v>
                </c:pt>
                <c:pt idx="1785">
                  <c:v>41865</c:v>
                </c:pt>
                <c:pt idx="1786">
                  <c:v>41865</c:v>
                </c:pt>
                <c:pt idx="1787">
                  <c:v>41865</c:v>
                </c:pt>
                <c:pt idx="1788">
                  <c:v>41865</c:v>
                </c:pt>
                <c:pt idx="1789">
                  <c:v>41865</c:v>
                </c:pt>
                <c:pt idx="1790">
                  <c:v>41865</c:v>
                </c:pt>
                <c:pt idx="1791">
                  <c:v>41865</c:v>
                </c:pt>
                <c:pt idx="1792">
                  <c:v>41865</c:v>
                </c:pt>
                <c:pt idx="1793">
                  <c:v>41865</c:v>
                </c:pt>
                <c:pt idx="1794">
                  <c:v>41865</c:v>
                </c:pt>
                <c:pt idx="1795">
                  <c:v>41865</c:v>
                </c:pt>
                <c:pt idx="1796">
                  <c:v>41865</c:v>
                </c:pt>
                <c:pt idx="1797">
                  <c:v>41865</c:v>
                </c:pt>
                <c:pt idx="1798">
                  <c:v>41865</c:v>
                </c:pt>
                <c:pt idx="1799">
                  <c:v>41865</c:v>
                </c:pt>
                <c:pt idx="1800">
                  <c:v>41865</c:v>
                </c:pt>
                <c:pt idx="1801">
                  <c:v>41865</c:v>
                </c:pt>
                <c:pt idx="1802">
                  <c:v>41865</c:v>
                </c:pt>
                <c:pt idx="1803">
                  <c:v>41865</c:v>
                </c:pt>
                <c:pt idx="1804">
                  <c:v>41865</c:v>
                </c:pt>
                <c:pt idx="1805">
                  <c:v>41865</c:v>
                </c:pt>
                <c:pt idx="1806">
                  <c:v>41865</c:v>
                </c:pt>
                <c:pt idx="1807">
                  <c:v>41865</c:v>
                </c:pt>
                <c:pt idx="1808">
                  <c:v>41865</c:v>
                </c:pt>
                <c:pt idx="1809">
                  <c:v>41865</c:v>
                </c:pt>
                <c:pt idx="1810">
                  <c:v>41865</c:v>
                </c:pt>
                <c:pt idx="1811">
                  <c:v>41865</c:v>
                </c:pt>
                <c:pt idx="1812">
                  <c:v>41866</c:v>
                </c:pt>
                <c:pt idx="1813">
                  <c:v>41866</c:v>
                </c:pt>
                <c:pt idx="1814">
                  <c:v>41866</c:v>
                </c:pt>
                <c:pt idx="1815">
                  <c:v>41866</c:v>
                </c:pt>
                <c:pt idx="1816">
                  <c:v>41866</c:v>
                </c:pt>
                <c:pt idx="1817">
                  <c:v>41866</c:v>
                </c:pt>
                <c:pt idx="1818">
                  <c:v>41866</c:v>
                </c:pt>
                <c:pt idx="1819">
                  <c:v>41866</c:v>
                </c:pt>
                <c:pt idx="1820">
                  <c:v>41866</c:v>
                </c:pt>
                <c:pt idx="1821">
                  <c:v>41866</c:v>
                </c:pt>
                <c:pt idx="1822">
                  <c:v>41866</c:v>
                </c:pt>
                <c:pt idx="1823">
                  <c:v>41866</c:v>
                </c:pt>
                <c:pt idx="1824">
                  <c:v>41866</c:v>
                </c:pt>
                <c:pt idx="1825">
                  <c:v>41866</c:v>
                </c:pt>
                <c:pt idx="1826">
                  <c:v>41866</c:v>
                </c:pt>
                <c:pt idx="1827">
                  <c:v>41866</c:v>
                </c:pt>
                <c:pt idx="1828">
                  <c:v>41866</c:v>
                </c:pt>
                <c:pt idx="1829">
                  <c:v>41866</c:v>
                </c:pt>
                <c:pt idx="1830">
                  <c:v>41866</c:v>
                </c:pt>
                <c:pt idx="1831">
                  <c:v>41866</c:v>
                </c:pt>
                <c:pt idx="1832">
                  <c:v>41866</c:v>
                </c:pt>
                <c:pt idx="1833">
                  <c:v>41866</c:v>
                </c:pt>
                <c:pt idx="1834">
                  <c:v>41866</c:v>
                </c:pt>
                <c:pt idx="1835">
                  <c:v>41866</c:v>
                </c:pt>
                <c:pt idx="1836">
                  <c:v>41866</c:v>
                </c:pt>
                <c:pt idx="1837">
                  <c:v>41866</c:v>
                </c:pt>
                <c:pt idx="1838">
                  <c:v>41866</c:v>
                </c:pt>
                <c:pt idx="1839">
                  <c:v>41866</c:v>
                </c:pt>
                <c:pt idx="1840">
                  <c:v>41866</c:v>
                </c:pt>
                <c:pt idx="1841">
                  <c:v>41866</c:v>
                </c:pt>
                <c:pt idx="1842">
                  <c:v>41866</c:v>
                </c:pt>
                <c:pt idx="1843">
                  <c:v>41866</c:v>
                </c:pt>
                <c:pt idx="1844">
                  <c:v>41866</c:v>
                </c:pt>
                <c:pt idx="1845">
                  <c:v>41867</c:v>
                </c:pt>
                <c:pt idx="1846">
                  <c:v>41867</c:v>
                </c:pt>
                <c:pt idx="1847">
                  <c:v>41867</c:v>
                </c:pt>
                <c:pt idx="1848">
                  <c:v>41867</c:v>
                </c:pt>
                <c:pt idx="1849">
                  <c:v>41867</c:v>
                </c:pt>
                <c:pt idx="1850">
                  <c:v>41867</c:v>
                </c:pt>
                <c:pt idx="1851">
                  <c:v>41867</c:v>
                </c:pt>
                <c:pt idx="1852">
                  <c:v>41867</c:v>
                </c:pt>
                <c:pt idx="1853">
                  <c:v>41867</c:v>
                </c:pt>
                <c:pt idx="1854">
                  <c:v>41867</c:v>
                </c:pt>
                <c:pt idx="1855">
                  <c:v>41867</c:v>
                </c:pt>
                <c:pt idx="1856">
                  <c:v>41867</c:v>
                </c:pt>
                <c:pt idx="1857">
                  <c:v>41867</c:v>
                </c:pt>
                <c:pt idx="1858">
                  <c:v>41867</c:v>
                </c:pt>
                <c:pt idx="1859">
                  <c:v>41867</c:v>
                </c:pt>
                <c:pt idx="1860">
                  <c:v>41867</c:v>
                </c:pt>
                <c:pt idx="1861">
                  <c:v>41867</c:v>
                </c:pt>
                <c:pt idx="1862">
                  <c:v>41867</c:v>
                </c:pt>
                <c:pt idx="1863">
                  <c:v>41867</c:v>
                </c:pt>
                <c:pt idx="1864">
                  <c:v>41867</c:v>
                </c:pt>
                <c:pt idx="1865">
                  <c:v>41867</c:v>
                </c:pt>
                <c:pt idx="1866">
                  <c:v>41867</c:v>
                </c:pt>
                <c:pt idx="1867">
                  <c:v>41867</c:v>
                </c:pt>
                <c:pt idx="1868">
                  <c:v>41867</c:v>
                </c:pt>
                <c:pt idx="1869">
                  <c:v>41867</c:v>
                </c:pt>
                <c:pt idx="1870">
                  <c:v>41867</c:v>
                </c:pt>
                <c:pt idx="1871">
                  <c:v>41867</c:v>
                </c:pt>
                <c:pt idx="1872">
                  <c:v>41867</c:v>
                </c:pt>
                <c:pt idx="1873">
                  <c:v>41867</c:v>
                </c:pt>
                <c:pt idx="1874">
                  <c:v>41867</c:v>
                </c:pt>
                <c:pt idx="1875">
                  <c:v>41867</c:v>
                </c:pt>
                <c:pt idx="1876">
                  <c:v>41867</c:v>
                </c:pt>
                <c:pt idx="1877">
                  <c:v>41868</c:v>
                </c:pt>
                <c:pt idx="1878">
                  <c:v>41868</c:v>
                </c:pt>
                <c:pt idx="1879">
                  <c:v>41868</c:v>
                </c:pt>
                <c:pt idx="1880">
                  <c:v>41868</c:v>
                </c:pt>
                <c:pt idx="1881">
                  <c:v>41868</c:v>
                </c:pt>
                <c:pt idx="1882">
                  <c:v>41868</c:v>
                </c:pt>
                <c:pt idx="1883">
                  <c:v>41868</c:v>
                </c:pt>
                <c:pt idx="1884">
                  <c:v>41868</c:v>
                </c:pt>
                <c:pt idx="1885">
                  <c:v>41868</c:v>
                </c:pt>
                <c:pt idx="1886">
                  <c:v>41868</c:v>
                </c:pt>
                <c:pt idx="1887">
                  <c:v>41868</c:v>
                </c:pt>
                <c:pt idx="1888">
                  <c:v>41868</c:v>
                </c:pt>
                <c:pt idx="1889">
                  <c:v>41868</c:v>
                </c:pt>
                <c:pt idx="1890">
                  <c:v>41869</c:v>
                </c:pt>
                <c:pt idx="1891">
                  <c:v>41869</c:v>
                </c:pt>
                <c:pt idx="1892">
                  <c:v>41869</c:v>
                </c:pt>
                <c:pt idx="1893">
                  <c:v>41869</c:v>
                </c:pt>
                <c:pt idx="1894">
                  <c:v>41869</c:v>
                </c:pt>
                <c:pt idx="1895">
                  <c:v>41869</c:v>
                </c:pt>
                <c:pt idx="1896">
                  <c:v>41869</c:v>
                </c:pt>
                <c:pt idx="1897">
                  <c:v>41869</c:v>
                </c:pt>
                <c:pt idx="1898">
                  <c:v>41870</c:v>
                </c:pt>
                <c:pt idx="1899">
                  <c:v>41870</c:v>
                </c:pt>
                <c:pt idx="1900">
                  <c:v>41870</c:v>
                </c:pt>
                <c:pt idx="1901">
                  <c:v>41870</c:v>
                </c:pt>
                <c:pt idx="1902">
                  <c:v>41870</c:v>
                </c:pt>
                <c:pt idx="1903">
                  <c:v>41871</c:v>
                </c:pt>
                <c:pt idx="1904">
                  <c:v>41871</c:v>
                </c:pt>
                <c:pt idx="1905">
                  <c:v>41871</c:v>
                </c:pt>
                <c:pt idx="1906">
                  <c:v>41871</c:v>
                </c:pt>
                <c:pt idx="1907">
                  <c:v>41871</c:v>
                </c:pt>
                <c:pt idx="1908">
                  <c:v>41871</c:v>
                </c:pt>
                <c:pt idx="1909">
                  <c:v>41871</c:v>
                </c:pt>
                <c:pt idx="1910">
                  <c:v>41871</c:v>
                </c:pt>
                <c:pt idx="1911">
                  <c:v>41871</c:v>
                </c:pt>
                <c:pt idx="1912">
                  <c:v>41871</c:v>
                </c:pt>
                <c:pt idx="1913">
                  <c:v>41871</c:v>
                </c:pt>
                <c:pt idx="1914">
                  <c:v>41872</c:v>
                </c:pt>
                <c:pt idx="1915">
                  <c:v>41872</c:v>
                </c:pt>
                <c:pt idx="1916">
                  <c:v>41872</c:v>
                </c:pt>
                <c:pt idx="1917">
                  <c:v>41872</c:v>
                </c:pt>
                <c:pt idx="1918">
                  <c:v>41872</c:v>
                </c:pt>
                <c:pt idx="1919">
                  <c:v>41872</c:v>
                </c:pt>
                <c:pt idx="1920">
                  <c:v>41872</c:v>
                </c:pt>
                <c:pt idx="1921">
                  <c:v>41872</c:v>
                </c:pt>
                <c:pt idx="1922">
                  <c:v>41872</c:v>
                </c:pt>
                <c:pt idx="1923">
                  <c:v>41872</c:v>
                </c:pt>
                <c:pt idx="1924">
                  <c:v>41872</c:v>
                </c:pt>
                <c:pt idx="1925">
                  <c:v>41872</c:v>
                </c:pt>
                <c:pt idx="1926">
                  <c:v>41872</c:v>
                </c:pt>
                <c:pt idx="1927">
                  <c:v>41872</c:v>
                </c:pt>
                <c:pt idx="1928">
                  <c:v>41872</c:v>
                </c:pt>
                <c:pt idx="1929">
                  <c:v>41872</c:v>
                </c:pt>
                <c:pt idx="1930">
                  <c:v>41872</c:v>
                </c:pt>
                <c:pt idx="1931">
                  <c:v>41872</c:v>
                </c:pt>
                <c:pt idx="1932">
                  <c:v>41872</c:v>
                </c:pt>
                <c:pt idx="1933">
                  <c:v>41872</c:v>
                </c:pt>
                <c:pt idx="1934">
                  <c:v>41872</c:v>
                </c:pt>
                <c:pt idx="1935">
                  <c:v>41872</c:v>
                </c:pt>
                <c:pt idx="1936">
                  <c:v>41872</c:v>
                </c:pt>
                <c:pt idx="1937">
                  <c:v>41872</c:v>
                </c:pt>
                <c:pt idx="1938">
                  <c:v>41872</c:v>
                </c:pt>
                <c:pt idx="1939">
                  <c:v>41872</c:v>
                </c:pt>
                <c:pt idx="1940">
                  <c:v>41872</c:v>
                </c:pt>
                <c:pt idx="1941">
                  <c:v>41872</c:v>
                </c:pt>
                <c:pt idx="1942">
                  <c:v>41872</c:v>
                </c:pt>
                <c:pt idx="1943">
                  <c:v>41872</c:v>
                </c:pt>
                <c:pt idx="1944">
                  <c:v>41872</c:v>
                </c:pt>
                <c:pt idx="1945">
                  <c:v>41872</c:v>
                </c:pt>
                <c:pt idx="1946">
                  <c:v>41872</c:v>
                </c:pt>
                <c:pt idx="1947">
                  <c:v>41872</c:v>
                </c:pt>
                <c:pt idx="1948">
                  <c:v>41872</c:v>
                </c:pt>
                <c:pt idx="1949">
                  <c:v>41872</c:v>
                </c:pt>
                <c:pt idx="1950">
                  <c:v>41872</c:v>
                </c:pt>
                <c:pt idx="1951">
                  <c:v>41872</c:v>
                </c:pt>
                <c:pt idx="1952">
                  <c:v>41872</c:v>
                </c:pt>
                <c:pt idx="1953">
                  <c:v>41872</c:v>
                </c:pt>
                <c:pt idx="1954">
                  <c:v>41872</c:v>
                </c:pt>
                <c:pt idx="1955">
                  <c:v>41872</c:v>
                </c:pt>
                <c:pt idx="1956">
                  <c:v>41872</c:v>
                </c:pt>
                <c:pt idx="1957">
                  <c:v>41872</c:v>
                </c:pt>
                <c:pt idx="1958">
                  <c:v>41872</c:v>
                </c:pt>
                <c:pt idx="1959">
                  <c:v>41872</c:v>
                </c:pt>
                <c:pt idx="1960">
                  <c:v>41872</c:v>
                </c:pt>
                <c:pt idx="1961">
                  <c:v>41872</c:v>
                </c:pt>
                <c:pt idx="1962">
                  <c:v>41872</c:v>
                </c:pt>
                <c:pt idx="1963">
                  <c:v>41872</c:v>
                </c:pt>
                <c:pt idx="1964">
                  <c:v>41872</c:v>
                </c:pt>
                <c:pt idx="1965">
                  <c:v>41872</c:v>
                </c:pt>
                <c:pt idx="1966">
                  <c:v>41872</c:v>
                </c:pt>
                <c:pt idx="1967">
                  <c:v>41872</c:v>
                </c:pt>
                <c:pt idx="1968">
                  <c:v>41872</c:v>
                </c:pt>
                <c:pt idx="1969">
                  <c:v>41872</c:v>
                </c:pt>
                <c:pt idx="1970">
                  <c:v>41872</c:v>
                </c:pt>
                <c:pt idx="1971">
                  <c:v>41872</c:v>
                </c:pt>
                <c:pt idx="1972">
                  <c:v>41872</c:v>
                </c:pt>
                <c:pt idx="1973">
                  <c:v>41872</c:v>
                </c:pt>
                <c:pt idx="1974">
                  <c:v>41872</c:v>
                </c:pt>
                <c:pt idx="1975">
                  <c:v>41872</c:v>
                </c:pt>
                <c:pt idx="1976">
                  <c:v>41872</c:v>
                </c:pt>
                <c:pt idx="1977">
                  <c:v>41872</c:v>
                </c:pt>
                <c:pt idx="1978">
                  <c:v>41872</c:v>
                </c:pt>
                <c:pt idx="1979">
                  <c:v>41872</c:v>
                </c:pt>
                <c:pt idx="1980">
                  <c:v>41872</c:v>
                </c:pt>
                <c:pt idx="1981">
                  <c:v>41872</c:v>
                </c:pt>
                <c:pt idx="1982">
                  <c:v>41872</c:v>
                </c:pt>
                <c:pt idx="1983">
                  <c:v>41872</c:v>
                </c:pt>
                <c:pt idx="1984">
                  <c:v>41872</c:v>
                </c:pt>
                <c:pt idx="1985">
                  <c:v>41872</c:v>
                </c:pt>
                <c:pt idx="1986">
                  <c:v>41872</c:v>
                </c:pt>
                <c:pt idx="1987">
                  <c:v>41872</c:v>
                </c:pt>
                <c:pt idx="1988">
                  <c:v>41872</c:v>
                </c:pt>
                <c:pt idx="1989">
                  <c:v>41872</c:v>
                </c:pt>
                <c:pt idx="1990">
                  <c:v>41872</c:v>
                </c:pt>
                <c:pt idx="1991">
                  <c:v>41872</c:v>
                </c:pt>
                <c:pt idx="1992">
                  <c:v>41872</c:v>
                </c:pt>
                <c:pt idx="1993">
                  <c:v>41872</c:v>
                </c:pt>
                <c:pt idx="1994">
                  <c:v>41872</c:v>
                </c:pt>
                <c:pt idx="1995">
                  <c:v>41872</c:v>
                </c:pt>
                <c:pt idx="1996">
                  <c:v>41872</c:v>
                </c:pt>
                <c:pt idx="1997">
                  <c:v>41872</c:v>
                </c:pt>
                <c:pt idx="1998">
                  <c:v>41872</c:v>
                </c:pt>
                <c:pt idx="1999">
                  <c:v>41872</c:v>
                </c:pt>
                <c:pt idx="2000">
                  <c:v>41872</c:v>
                </c:pt>
                <c:pt idx="2001">
                  <c:v>41872</c:v>
                </c:pt>
                <c:pt idx="2002">
                  <c:v>41872</c:v>
                </c:pt>
                <c:pt idx="2003">
                  <c:v>41872</c:v>
                </c:pt>
                <c:pt idx="2004">
                  <c:v>41872</c:v>
                </c:pt>
                <c:pt idx="2005">
                  <c:v>41872</c:v>
                </c:pt>
                <c:pt idx="2006">
                  <c:v>41872</c:v>
                </c:pt>
                <c:pt idx="2007">
                  <c:v>41872</c:v>
                </c:pt>
                <c:pt idx="2008">
                  <c:v>41872</c:v>
                </c:pt>
                <c:pt idx="2009">
                  <c:v>41872</c:v>
                </c:pt>
                <c:pt idx="2010">
                  <c:v>41872</c:v>
                </c:pt>
                <c:pt idx="2011">
                  <c:v>41872</c:v>
                </c:pt>
                <c:pt idx="2012">
                  <c:v>41872</c:v>
                </c:pt>
                <c:pt idx="2013">
                  <c:v>41872</c:v>
                </c:pt>
                <c:pt idx="2014">
                  <c:v>41872</c:v>
                </c:pt>
                <c:pt idx="2015">
                  <c:v>41872</c:v>
                </c:pt>
                <c:pt idx="2016">
                  <c:v>41872</c:v>
                </c:pt>
                <c:pt idx="2017">
                  <c:v>41872</c:v>
                </c:pt>
                <c:pt idx="2018">
                  <c:v>41872</c:v>
                </c:pt>
                <c:pt idx="2019">
                  <c:v>41872</c:v>
                </c:pt>
                <c:pt idx="2020">
                  <c:v>41872</c:v>
                </c:pt>
                <c:pt idx="2021">
                  <c:v>41872</c:v>
                </c:pt>
                <c:pt idx="2022">
                  <c:v>41872</c:v>
                </c:pt>
                <c:pt idx="2023">
                  <c:v>41872</c:v>
                </c:pt>
                <c:pt idx="2024">
                  <c:v>41872</c:v>
                </c:pt>
                <c:pt idx="2025">
                  <c:v>41872</c:v>
                </c:pt>
                <c:pt idx="2026">
                  <c:v>41872</c:v>
                </c:pt>
                <c:pt idx="2027">
                  <c:v>41872</c:v>
                </c:pt>
                <c:pt idx="2028">
                  <c:v>41872</c:v>
                </c:pt>
                <c:pt idx="2029">
                  <c:v>41872</c:v>
                </c:pt>
                <c:pt idx="2030">
                  <c:v>41872</c:v>
                </c:pt>
                <c:pt idx="2031">
                  <c:v>41872</c:v>
                </c:pt>
                <c:pt idx="2032">
                  <c:v>41872</c:v>
                </c:pt>
                <c:pt idx="2033">
                  <c:v>41872</c:v>
                </c:pt>
                <c:pt idx="2034">
                  <c:v>41872</c:v>
                </c:pt>
                <c:pt idx="2035">
                  <c:v>41872</c:v>
                </c:pt>
                <c:pt idx="2036">
                  <c:v>41872</c:v>
                </c:pt>
                <c:pt idx="2037">
                  <c:v>41872</c:v>
                </c:pt>
                <c:pt idx="2038">
                  <c:v>41872</c:v>
                </c:pt>
                <c:pt idx="2039">
                  <c:v>41872</c:v>
                </c:pt>
                <c:pt idx="2040">
                  <c:v>41872</c:v>
                </c:pt>
                <c:pt idx="2041">
                  <c:v>41872</c:v>
                </c:pt>
                <c:pt idx="2042">
                  <c:v>41872</c:v>
                </c:pt>
                <c:pt idx="2043">
                  <c:v>41872</c:v>
                </c:pt>
                <c:pt idx="2044">
                  <c:v>41872</c:v>
                </c:pt>
                <c:pt idx="2045">
                  <c:v>41872</c:v>
                </c:pt>
                <c:pt idx="2046">
                  <c:v>41872</c:v>
                </c:pt>
                <c:pt idx="2047">
                  <c:v>41872</c:v>
                </c:pt>
                <c:pt idx="2048">
                  <c:v>41872</c:v>
                </c:pt>
                <c:pt idx="2049">
                  <c:v>41872</c:v>
                </c:pt>
                <c:pt idx="2050">
                  <c:v>41872</c:v>
                </c:pt>
                <c:pt idx="2051">
                  <c:v>41872</c:v>
                </c:pt>
                <c:pt idx="2052">
                  <c:v>41872</c:v>
                </c:pt>
                <c:pt idx="2053">
                  <c:v>41872</c:v>
                </c:pt>
                <c:pt idx="2054">
                  <c:v>41872</c:v>
                </c:pt>
                <c:pt idx="2055">
                  <c:v>41872</c:v>
                </c:pt>
                <c:pt idx="2056">
                  <c:v>41872</c:v>
                </c:pt>
                <c:pt idx="2057">
                  <c:v>41872</c:v>
                </c:pt>
                <c:pt idx="2058">
                  <c:v>41872</c:v>
                </c:pt>
                <c:pt idx="2059">
                  <c:v>41872</c:v>
                </c:pt>
                <c:pt idx="2060">
                  <c:v>41872</c:v>
                </c:pt>
                <c:pt idx="2061">
                  <c:v>41872</c:v>
                </c:pt>
                <c:pt idx="2062">
                  <c:v>41872</c:v>
                </c:pt>
                <c:pt idx="2063">
                  <c:v>41872</c:v>
                </c:pt>
                <c:pt idx="2064">
                  <c:v>41872</c:v>
                </c:pt>
                <c:pt idx="2065">
                  <c:v>41872</c:v>
                </c:pt>
                <c:pt idx="2066">
                  <c:v>41872</c:v>
                </c:pt>
                <c:pt idx="2067">
                  <c:v>41872</c:v>
                </c:pt>
                <c:pt idx="2068">
                  <c:v>41872</c:v>
                </c:pt>
                <c:pt idx="2069">
                  <c:v>41872</c:v>
                </c:pt>
                <c:pt idx="2070">
                  <c:v>41872</c:v>
                </c:pt>
                <c:pt idx="2071">
                  <c:v>41872</c:v>
                </c:pt>
                <c:pt idx="2072">
                  <c:v>41872</c:v>
                </c:pt>
                <c:pt idx="2073">
                  <c:v>41872</c:v>
                </c:pt>
                <c:pt idx="2074">
                  <c:v>41872</c:v>
                </c:pt>
                <c:pt idx="2075">
                  <c:v>41872</c:v>
                </c:pt>
                <c:pt idx="2076">
                  <c:v>41872</c:v>
                </c:pt>
                <c:pt idx="2077">
                  <c:v>41872</c:v>
                </c:pt>
                <c:pt idx="2078">
                  <c:v>41872</c:v>
                </c:pt>
                <c:pt idx="2079">
                  <c:v>41872</c:v>
                </c:pt>
                <c:pt idx="2080">
                  <c:v>41872</c:v>
                </c:pt>
                <c:pt idx="2081">
                  <c:v>41872</c:v>
                </c:pt>
                <c:pt idx="2082">
                  <c:v>41872</c:v>
                </c:pt>
                <c:pt idx="2083">
                  <c:v>41872</c:v>
                </c:pt>
                <c:pt idx="2084">
                  <c:v>41872</c:v>
                </c:pt>
                <c:pt idx="2085">
                  <c:v>41872</c:v>
                </c:pt>
                <c:pt idx="2086">
                  <c:v>41872</c:v>
                </c:pt>
                <c:pt idx="2087">
                  <c:v>41872</c:v>
                </c:pt>
                <c:pt idx="2088">
                  <c:v>41872</c:v>
                </c:pt>
                <c:pt idx="2089">
                  <c:v>41872</c:v>
                </c:pt>
                <c:pt idx="2090">
                  <c:v>41872</c:v>
                </c:pt>
                <c:pt idx="2091">
                  <c:v>41872</c:v>
                </c:pt>
                <c:pt idx="2092">
                  <c:v>41872</c:v>
                </c:pt>
                <c:pt idx="2093">
                  <c:v>41872</c:v>
                </c:pt>
                <c:pt idx="2094">
                  <c:v>41872</c:v>
                </c:pt>
                <c:pt idx="2095">
                  <c:v>41872</c:v>
                </c:pt>
                <c:pt idx="2096">
                  <c:v>41872</c:v>
                </c:pt>
                <c:pt idx="2097">
                  <c:v>41872</c:v>
                </c:pt>
                <c:pt idx="2098">
                  <c:v>41872</c:v>
                </c:pt>
                <c:pt idx="2099">
                  <c:v>41872</c:v>
                </c:pt>
                <c:pt idx="2100">
                  <c:v>41872</c:v>
                </c:pt>
                <c:pt idx="2101">
                  <c:v>41872</c:v>
                </c:pt>
                <c:pt idx="2102">
                  <c:v>41872</c:v>
                </c:pt>
                <c:pt idx="2103">
                  <c:v>41872</c:v>
                </c:pt>
                <c:pt idx="2104">
                  <c:v>41872</c:v>
                </c:pt>
                <c:pt idx="2105">
                  <c:v>41872</c:v>
                </c:pt>
                <c:pt idx="2106">
                  <c:v>41872</c:v>
                </c:pt>
                <c:pt idx="2107">
                  <c:v>41872</c:v>
                </c:pt>
                <c:pt idx="2108">
                  <c:v>41872</c:v>
                </c:pt>
                <c:pt idx="2109">
                  <c:v>41872</c:v>
                </c:pt>
                <c:pt idx="2110">
                  <c:v>41872</c:v>
                </c:pt>
                <c:pt idx="2111">
                  <c:v>41872</c:v>
                </c:pt>
                <c:pt idx="2112">
                  <c:v>41872</c:v>
                </c:pt>
                <c:pt idx="2113">
                  <c:v>41872</c:v>
                </c:pt>
                <c:pt idx="2114">
                  <c:v>41872</c:v>
                </c:pt>
                <c:pt idx="2115">
                  <c:v>41872</c:v>
                </c:pt>
                <c:pt idx="2116">
                  <c:v>41872</c:v>
                </c:pt>
                <c:pt idx="2117">
                  <c:v>41872</c:v>
                </c:pt>
                <c:pt idx="2118">
                  <c:v>41872</c:v>
                </c:pt>
                <c:pt idx="2119">
                  <c:v>41872</c:v>
                </c:pt>
                <c:pt idx="2120">
                  <c:v>41872</c:v>
                </c:pt>
                <c:pt idx="2121">
                  <c:v>41872</c:v>
                </c:pt>
                <c:pt idx="2122">
                  <c:v>41872</c:v>
                </c:pt>
                <c:pt idx="2123">
                  <c:v>41872</c:v>
                </c:pt>
                <c:pt idx="2124">
                  <c:v>41872</c:v>
                </c:pt>
                <c:pt idx="2125">
                  <c:v>41872</c:v>
                </c:pt>
                <c:pt idx="2126">
                  <c:v>41872</c:v>
                </c:pt>
                <c:pt idx="2127">
                  <c:v>41872</c:v>
                </c:pt>
                <c:pt idx="2128">
                  <c:v>41872</c:v>
                </c:pt>
                <c:pt idx="2129">
                  <c:v>41872</c:v>
                </c:pt>
                <c:pt idx="2130">
                  <c:v>41872</c:v>
                </c:pt>
                <c:pt idx="2131">
                  <c:v>41872</c:v>
                </c:pt>
                <c:pt idx="2132">
                  <c:v>41872</c:v>
                </c:pt>
                <c:pt idx="2133">
                  <c:v>41872</c:v>
                </c:pt>
                <c:pt idx="2134">
                  <c:v>41872</c:v>
                </c:pt>
                <c:pt idx="2135">
                  <c:v>41872</c:v>
                </c:pt>
                <c:pt idx="2136">
                  <c:v>41872</c:v>
                </c:pt>
                <c:pt idx="2137">
                  <c:v>41872</c:v>
                </c:pt>
                <c:pt idx="2138">
                  <c:v>41872</c:v>
                </c:pt>
                <c:pt idx="2139">
                  <c:v>41872</c:v>
                </c:pt>
                <c:pt idx="2140">
                  <c:v>41872</c:v>
                </c:pt>
                <c:pt idx="2141">
                  <c:v>41872</c:v>
                </c:pt>
                <c:pt idx="2142">
                  <c:v>41872</c:v>
                </c:pt>
                <c:pt idx="2143">
                  <c:v>41872</c:v>
                </c:pt>
                <c:pt idx="2144">
                  <c:v>41872</c:v>
                </c:pt>
                <c:pt idx="2145">
                  <c:v>41872</c:v>
                </c:pt>
                <c:pt idx="2146">
                  <c:v>41872</c:v>
                </c:pt>
                <c:pt idx="2147">
                  <c:v>41872</c:v>
                </c:pt>
                <c:pt idx="2148">
                  <c:v>41872</c:v>
                </c:pt>
                <c:pt idx="2149">
                  <c:v>41872</c:v>
                </c:pt>
                <c:pt idx="2150">
                  <c:v>41872</c:v>
                </c:pt>
                <c:pt idx="2151">
                  <c:v>41872</c:v>
                </c:pt>
                <c:pt idx="2152">
                  <c:v>41873</c:v>
                </c:pt>
                <c:pt idx="2153">
                  <c:v>41873</c:v>
                </c:pt>
                <c:pt idx="2154">
                  <c:v>41873</c:v>
                </c:pt>
                <c:pt idx="2155">
                  <c:v>41873</c:v>
                </c:pt>
                <c:pt idx="2156">
                  <c:v>41873</c:v>
                </c:pt>
                <c:pt idx="2157">
                  <c:v>41873</c:v>
                </c:pt>
                <c:pt idx="2158">
                  <c:v>41873</c:v>
                </c:pt>
                <c:pt idx="2159">
                  <c:v>41873</c:v>
                </c:pt>
                <c:pt idx="2160">
                  <c:v>41873</c:v>
                </c:pt>
                <c:pt idx="2161">
                  <c:v>41873</c:v>
                </c:pt>
                <c:pt idx="2162">
                  <c:v>41873</c:v>
                </c:pt>
                <c:pt idx="2163">
                  <c:v>41873</c:v>
                </c:pt>
                <c:pt idx="2164">
                  <c:v>41873</c:v>
                </c:pt>
                <c:pt idx="2165">
                  <c:v>41873</c:v>
                </c:pt>
                <c:pt idx="2166">
                  <c:v>41873</c:v>
                </c:pt>
                <c:pt idx="2167">
                  <c:v>41873</c:v>
                </c:pt>
                <c:pt idx="2168">
                  <c:v>41873</c:v>
                </c:pt>
                <c:pt idx="2169">
                  <c:v>41873</c:v>
                </c:pt>
                <c:pt idx="2170">
                  <c:v>41874</c:v>
                </c:pt>
                <c:pt idx="2171">
                  <c:v>41874</c:v>
                </c:pt>
                <c:pt idx="2172">
                  <c:v>41874</c:v>
                </c:pt>
                <c:pt idx="2173">
                  <c:v>41874</c:v>
                </c:pt>
                <c:pt idx="2174">
                  <c:v>41874</c:v>
                </c:pt>
                <c:pt idx="2175">
                  <c:v>41874</c:v>
                </c:pt>
                <c:pt idx="2176">
                  <c:v>41874</c:v>
                </c:pt>
                <c:pt idx="2177">
                  <c:v>41874</c:v>
                </c:pt>
                <c:pt idx="2178">
                  <c:v>41874</c:v>
                </c:pt>
                <c:pt idx="2179">
                  <c:v>41874</c:v>
                </c:pt>
                <c:pt idx="2180">
                  <c:v>41874</c:v>
                </c:pt>
                <c:pt idx="2181">
                  <c:v>41875</c:v>
                </c:pt>
                <c:pt idx="2182">
                  <c:v>41875</c:v>
                </c:pt>
                <c:pt idx="2183">
                  <c:v>41875</c:v>
                </c:pt>
                <c:pt idx="2184">
                  <c:v>41875</c:v>
                </c:pt>
                <c:pt idx="2185">
                  <c:v>41875</c:v>
                </c:pt>
                <c:pt idx="2186">
                  <c:v>41875</c:v>
                </c:pt>
                <c:pt idx="2187">
                  <c:v>41875</c:v>
                </c:pt>
                <c:pt idx="2188">
                  <c:v>41875</c:v>
                </c:pt>
                <c:pt idx="2189">
                  <c:v>41875</c:v>
                </c:pt>
                <c:pt idx="2190">
                  <c:v>41875</c:v>
                </c:pt>
                <c:pt idx="2191">
                  <c:v>41875</c:v>
                </c:pt>
                <c:pt idx="2192">
                  <c:v>41875</c:v>
                </c:pt>
                <c:pt idx="2193">
                  <c:v>41875</c:v>
                </c:pt>
                <c:pt idx="2194">
                  <c:v>41875</c:v>
                </c:pt>
                <c:pt idx="2195">
                  <c:v>41875</c:v>
                </c:pt>
                <c:pt idx="2196">
                  <c:v>41875</c:v>
                </c:pt>
                <c:pt idx="2197">
                  <c:v>41875</c:v>
                </c:pt>
                <c:pt idx="2198">
                  <c:v>41875</c:v>
                </c:pt>
                <c:pt idx="2199">
                  <c:v>41875</c:v>
                </c:pt>
                <c:pt idx="2200">
                  <c:v>41875</c:v>
                </c:pt>
                <c:pt idx="2201">
                  <c:v>41875</c:v>
                </c:pt>
                <c:pt idx="2202">
                  <c:v>41875</c:v>
                </c:pt>
                <c:pt idx="2203">
                  <c:v>41875</c:v>
                </c:pt>
                <c:pt idx="2204">
                  <c:v>41875</c:v>
                </c:pt>
                <c:pt idx="2205">
                  <c:v>41875</c:v>
                </c:pt>
                <c:pt idx="2206">
                  <c:v>41875</c:v>
                </c:pt>
                <c:pt idx="2207">
                  <c:v>41875</c:v>
                </c:pt>
                <c:pt idx="2208">
                  <c:v>41875</c:v>
                </c:pt>
                <c:pt idx="2209">
                  <c:v>41875</c:v>
                </c:pt>
                <c:pt idx="2210">
                  <c:v>41875</c:v>
                </c:pt>
                <c:pt idx="2211">
                  <c:v>41875</c:v>
                </c:pt>
                <c:pt idx="2212">
                  <c:v>41875</c:v>
                </c:pt>
                <c:pt idx="2213">
                  <c:v>41875</c:v>
                </c:pt>
                <c:pt idx="2214">
                  <c:v>41875</c:v>
                </c:pt>
                <c:pt idx="2215">
                  <c:v>41875</c:v>
                </c:pt>
                <c:pt idx="2216">
                  <c:v>41875</c:v>
                </c:pt>
                <c:pt idx="2217">
                  <c:v>41875</c:v>
                </c:pt>
                <c:pt idx="2218">
                  <c:v>41876</c:v>
                </c:pt>
                <c:pt idx="2219">
                  <c:v>41876</c:v>
                </c:pt>
                <c:pt idx="2220">
                  <c:v>41876</c:v>
                </c:pt>
                <c:pt idx="2221">
                  <c:v>41876</c:v>
                </c:pt>
                <c:pt idx="2222">
                  <c:v>41876</c:v>
                </c:pt>
                <c:pt idx="2223">
                  <c:v>41876</c:v>
                </c:pt>
                <c:pt idx="2224">
                  <c:v>41876</c:v>
                </c:pt>
                <c:pt idx="2225">
                  <c:v>41876</c:v>
                </c:pt>
                <c:pt idx="2226">
                  <c:v>41876</c:v>
                </c:pt>
                <c:pt idx="2227">
                  <c:v>41876</c:v>
                </c:pt>
                <c:pt idx="2228">
                  <c:v>41876</c:v>
                </c:pt>
                <c:pt idx="2229">
                  <c:v>41876</c:v>
                </c:pt>
                <c:pt idx="2230">
                  <c:v>41876</c:v>
                </c:pt>
                <c:pt idx="2231">
                  <c:v>41876</c:v>
                </c:pt>
                <c:pt idx="2232">
                  <c:v>41876</c:v>
                </c:pt>
                <c:pt idx="2233">
                  <c:v>41876</c:v>
                </c:pt>
                <c:pt idx="2234">
                  <c:v>41876</c:v>
                </c:pt>
                <c:pt idx="2235">
                  <c:v>41876</c:v>
                </c:pt>
                <c:pt idx="2236">
                  <c:v>41876</c:v>
                </c:pt>
                <c:pt idx="2237">
                  <c:v>41877</c:v>
                </c:pt>
                <c:pt idx="2238">
                  <c:v>41877</c:v>
                </c:pt>
                <c:pt idx="2239">
                  <c:v>41877</c:v>
                </c:pt>
                <c:pt idx="2240">
                  <c:v>41877</c:v>
                </c:pt>
                <c:pt idx="2241">
                  <c:v>41877</c:v>
                </c:pt>
                <c:pt idx="2242">
                  <c:v>41877</c:v>
                </c:pt>
                <c:pt idx="2243">
                  <c:v>41877</c:v>
                </c:pt>
                <c:pt idx="2244">
                  <c:v>41877</c:v>
                </c:pt>
                <c:pt idx="2245">
                  <c:v>41877</c:v>
                </c:pt>
                <c:pt idx="2246">
                  <c:v>41877</c:v>
                </c:pt>
                <c:pt idx="2247">
                  <c:v>41878</c:v>
                </c:pt>
                <c:pt idx="2248">
                  <c:v>41878</c:v>
                </c:pt>
                <c:pt idx="2249">
                  <c:v>41878</c:v>
                </c:pt>
                <c:pt idx="2250">
                  <c:v>41878</c:v>
                </c:pt>
                <c:pt idx="2251">
                  <c:v>41878</c:v>
                </c:pt>
                <c:pt idx="2252">
                  <c:v>41878</c:v>
                </c:pt>
                <c:pt idx="2253">
                  <c:v>41878</c:v>
                </c:pt>
                <c:pt idx="2254">
                  <c:v>41878</c:v>
                </c:pt>
                <c:pt idx="2255">
                  <c:v>41878</c:v>
                </c:pt>
                <c:pt idx="2256">
                  <c:v>41878</c:v>
                </c:pt>
                <c:pt idx="2257">
                  <c:v>41878</c:v>
                </c:pt>
                <c:pt idx="2258">
                  <c:v>41878</c:v>
                </c:pt>
                <c:pt idx="2259">
                  <c:v>41878</c:v>
                </c:pt>
                <c:pt idx="2260">
                  <c:v>41878</c:v>
                </c:pt>
                <c:pt idx="2261">
                  <c:v>41878</c:v>
                </c:pt>
                <c:pt idx="2262">
                  <c:v>41878</c:v>
                </c:pt>
                <c:pt idx="2263">
                  <c:v>41878</c:v>
                </c:pt>
                <c:pt idx="2264">
                  <c:v>41878</c:v>
                </c:pt>
                <c:pt idx="2265">
                  <c:v>41878</c:v>
                </c:pt>
                <c:pt idx="2266">
                  <c:v>41878</c:v>
                </c:pt>
                <c:pt idx="2267">
                  <c:v>41878</c:v>
                </c:pt>
                <c:pt idx="2268">
                  <c:v>41878</c:v>
                </c:pt>
                <c:pt idx="2269">
                  <c:v>41878</c:v>
                </c:pt>
                <c:pt idx="2270">
                  <c:v>41878</c:v>
                </c:pt>
                <c:pt idx="2271">
                  <c:v>41878</c:v>
                </c:pt>
                <c:pt idx="2272">
                  <c:v>41878</c:v>
                </c:pt>
                <c:pt idx="2273">
                  <c:v>41878</c:v>
                </c:pt>
                <c:pt idx="2274">
                  <c:v>41878</c:v>
                </c:pt>
                <c:pt idx="2275">
                  <c:v>41878</c:v>
                </c:pt>
                <c:pt idx="2276">
                  <c:v>41878</c:v>
                </c:pt>
                <c:pt idx="2277">
                  <c:v>41878</c:v>
                </c:pt>
                <c:pt idx="2278">
                  <c:v>41878</c:v>
                </c:pt>
                <c:pt idx="2279">
                  <c:v>41878</c:v>
                </c:pt>
                <c:pt idx="2280">
                  <c:v>41878</c:v>
                </c:pt>
                <c:pt idx="2281">
                  <c:v>41878</c:v>
                </c:pt>
                <c:pt idx="2282">
                  <c:v>41878</c:v>
                </c:pt>
                <c:pt idx="2283">
                  <c:v>41878</c:v>
                </c:pt>
                <c:pt idx="2284">
                  <c:v>41878</c:v>
                </c:pt>
                <c:pt idx="2285">
                  <c:v>41878</c:v>
                </c:pt>
                <c:pt idx="2286">
                  <c:v>41878</c:v>
                </c:pt>
                <c:pt idx="2287">
                  <c:v>41878</c:v>
                </c:pt>
                <c:pt idx="2288">
                  <c:v>41878</c:v>
                </c:pt>
                <c:pt idx="2289">
                  <c:v>41878</c:v>
                </c:pt>
                <c:pt idx="2290">
                  <c:v>41878</c:v>
                </c:pt>
                <c:pt idx="2291">
                  <c:v>41878</c:v>
                </c:pt>
                <c:pt idx="2292">
                  <c:v>41878</c:v>
                </c:pt>
                <c:pt idx="2293">
                  <c:v>41878</c:v>
                </c:pt>
                <c:pt idx="2294">
                  <c:v>41878</c:v>
                </c:pt>
                <c:pt idx="2295">
                  <c:v>41878</c:v>
                </c:pt>
                <c:pt idx="2296">
                  <c:v>41878</c:v>
                </c:pt>
                <c:pt idx="2297">
                  <c:v>41878</c:v>
                </c:pt>
                <c:pt idx="2298">
                  <c:v>41878</c:v>
                </c:pt>
                <c:pt idx="2299">
                  <c:v>41878</c:v>
                </c:pt>
                <c:pt idx="2300">
                  <c:v>41878</c:v>
                </c:pt>
                <c:pt idx="2301">
                  <c:v>41878</c:v>
                </c:pt>
                <c:pt idx="2302">
                  <c:v>41878</c:v>
                </c:pt>
                <c:pt idx="2303">
                  <c:v>41878</c:v>
                </c:pt>
                <c:pt idx="2304">
                  <c:v>41878</c:v>
                </c:pt>
                <c:pt idx="2305">
                  <c:v>41878</c:v>
                </c:pt>
                <c:pt idx="2306">
                  <c:v>41878</c:v>
                </c:pt>
                <c:pt idx="2307">
                  <c:v>41878</c:v>
                </c:pt>
                <c:pt idx="2308">
                  <c:v>41878</c:v>
                </c:pt>
                <c:pt idx="2309">
                  <c:v>41878</c:v>
                </c:pt>
                <c:pt idx="2310">
                  <c:v>41878</c:v>
                </c:pt>
                <c:pt idx="2311">
                  <c:v>41878</c:v>
                </c:pt>
                <c:pt idx="2312">
                  <c:v>41878</c:v>
                </c:pt>
                <c:pt idx="2313">
                  <c:v>41879</c:v>
                </c:pt>
                <c:pt idx="2314">
                  <c:v>41879</c:v>
                </c:pt>
                <c:pt idx="2315">
                  <c:v>41879</c:v>
                </c:pt>
                <c:pt idx="2316">
                  <c:v>41879</c:v>
                </c:pt>
                <c:pt idx="2317">
                  <c:v>41879</c:v>
                </c:pt>
                <c:pt idx="2318">
                  <c:v>41879</c:v>
                </c:pt>
                <c:pt idx="2319">
                  <c:v>41879</c:v>
                </c:pt>
                <c:pt idx="2320">
                  <c:v>41879</c:v>
                </c:pt>
                <c:pt idx="2321">
                  <c:v>41879</c:v>
                </c:pt>
                <c:pt idx="2322">
                  <c:v>41879</c:v>
                </c:pt>
                <c:pt idx="2323">
                  <c:v>41879</c:v>
                </c:pt>
                <c:pt idx="2324">
                  <c:v>41879</c:v>
                </c:pt>
                <c:pt idx="2325">
                  <c:v>41879</c:v>
                </c:pt>
                <c:pt idx="2326">
                  <c:v>41879</c:v>
                </c:pt>
                <c:pt idx="2327">
                  <c:v>41879</c:v>
                </c:pt>
                <c:pt idx="2328">
                  <c:v>41879</c:v>
                </c:pt>
                <c:pt idx="2329">
                  <c:v>41879</c:v>
                </c:pt>
                <c:pt idx="2330">
                  <c:v>41879</c:v>
                </c:pt>
                <c:pt idx="2331">
                  <c:v>41879</c:v>
                </c:pt>
                <c:pt idx="2332">
                  <c:v>41879</c:v>
                </c:pt>
                <c:pt idx="2333">
                  <c:v>41879</c:v>
                </c:pt>
                <c:pt idx="2334">
                  <c:v>41879</c:v>
                </c:pt>
                <c:pt idx="2335">
                  <c:v>41879</c:v>
                </c:pt>
                <c:pt idx="2336">
                  <c:v>41879</c:v>
                </c:pt>
                <c:pt idx="2337">
                  <c:v>41879</c:v>
                </c:pt>
                <c:pt idx="2338">
                  <c:v>41879</c:v>
                </c:pt>
                <c:pt idx="2339">
                  <c:v>41879</c:v>
                </c:pt>
                <c:pt idx="2340">
                  <c:v>41879</c:v>
                </c:pt>
                <c:pt idx="2341">
                  <c:v>41879</c:v>
                </c:pt>
                <c:pt idx="2342">
                  <c:v>41879</c:v>
                </c:pt>
                <c:pt idx="2343">
                  <c:v>41879</c:v>
                </c:pt>
                <c:pt idx="2344">
                  <c:v>41879</c:v>
                </c:pt>
                <c:pt idx="2345">
                  <c:v>41879</c:v>
                </c:pt>
                <c:pt idx="2346">
                  <c:v>41879</c:v>
                </c:pt>
                <c:pt idx="2347">
                  <c:v>41879</c:v>
                </c:pt>
                <c:pt idx="2348">
                  <c:v>41879</c:v>
                </c:pt>
                <c:pt idx="2349">
                  <c:v>41879</c:v>
                </c:pt>
                <c:pt idx="2350">
                  <c:v>41879</c:v>
                </c:pt>
                <c:pt idx="2351">
                  <c:v>41879</c:v>
                </c:pt>
                <c:pt idx="2352">
                  <c:v>41879</c:v>
                </c:pt>
                <c:pt idx="2353">
                  <c:v>41879</c:v>
                </c:pt>
                <c:pt idx="2354">
                  <c:v>41879</c:v>
                </c:pt>
                <c:pt idx="2355">
                  <c:v>41879</c:v>
                </c:pt>
                <c:pt idx="2356">
                  <c:v>41879</c:v>
                </c:pt>
                <c:pt idx="2357">
                  <c:v>41879</c:v>
                </c:pt>
                <c:pt idx="2358">
                  <c:v>41879</c:v>
                </c:pt>
                <c:pt idx="2359">
                  <c:v>41879</c:v>
                </c:pt>
                <c:pt idx="2360">
                  <c:v>41879</c:v>
                </c:pt>
                <c:pt idx="2361">
                  <c:v>41879</c:v>
                </c:pt>
                <c:pt idx="2362">
                  <c:v>41879</c:v>
                </c:pt>
                <c:pt idx="2363">
                  <c:v>41879</c:v>
                </c:pt>
                <c:pt idx="2364">
                  <c:v>41879</c:v>
                </c:pt>
                <c:pt idx="2365">
                  <c:v>41879</c:v>
                </c:pt>
                <c:pt idx="2366">
                  <c:v>41879</c:v>
                </c:pt>
                <c:pt idx="2367">
                  <c:v>41879</c:v>
                </c:pt>
                <c:pt idx="2368">
                  <c:v>41879</c:v>
                </c:pt>
                <c:pt idx="2369">
                  <c:v>41879</c:v>
                </c:pt>
                <c:pt idx="2370">
                  <c:v>41879</c:v>
                </c:pt>
                <c:pt idx="2371">
                  <c:v>41879</c:v>
                </c:pt>
                <c:pt idx="2372">
                  <c:v>41879</c:v>
                </c:pt>
                <c:pt idx="2373">
                  <c:v>41879</c:v>
                </c:pt>
                <c:pt idx="2374">
                  <c:v>41879</c:v>
                </c:pt>
                <c:pt idx="2375">
                  <c:v>41879</c:v>
                </c:pt>
                <c:pt idx="2376">
                  <c:v>41879</c:v>
                </c:pt>
                <c:pt idx="2377">
                  <c:v>41879</c:v>
                </c:pt>
                <c:pt idx="2378">
                  <c:v>41879</c:v>
                </c:pt>
                <c:pt idx="2379">
                  <c:v>41879</c:v>
                </c:pt>
                <c:pt idx="2380">
                  <c:v>41879</c:v>
                </c:pt>
                <c:pt idx="2381">
                  <c:v>41879</c:v>
                </c:pt>
                <c:pt idx="2382">
                  <c:v>41879</c:v>
                </c:pt>
                <c:pt idx="2383">
                  <c:v>41880</c:v>
                </c:pt>
                <c:pt idx="2384">
                  <c:v>41880</c:v>
                </c:pt>
                <c:pt idx="2385">
                  <c:v>41880</c:v>
                </c:pt>
                <c:pt idx="2386">
                  <c:v>41880</c:v>
                </c:pt>
                <c:pt idx="2387">
                  <c:v>41880</c:v>
                </c:pt>
                <c:pt idx="2388">
                  <c:v>41880</c:v>
                </c:pt>
                <c:pt idx="2389">
                  <c:v>41880</c:v>
                </c:pt>
                <c:pt idx="2390">
                  <c:v>41880</c:v>
                </c:pt>
                <c:pt idx="2391">
                  <c:v>41880</c:v>
                </c:pt>
                <c:pt idx="2392">
                  <c:v>41880</c:v>
                </c:pt>
                <c:pt idx="2393">
                  <c:v>41880</c:v>
                </c:pt>
                <c:pt idx="2394">
                  <c:v>41880</c:v>
                </c:pt>
                <c:pt idx="2395">
                  <c:v>41880</c:v>
                </c:pt>
                <c:pt idx="2396">
                  <c:v>41880</c:v>
                </c:pt>
                <c:pt idx="2397">
                  <c:v>41880</c:v>
                </c:pt>
                <c:pt idx="2398">
                  <c:v>41880</c:v>
                </c:pt>
                <c:pt idx="2399">
                  <c:v>41880</c:v>
                </c:pt>
                <c:pt idx="2400">
                  <c:v>41881</c:v>
                </c:pt>
                <c:pt idx="2401">
                  <c:v>41881</c:v>
                </c:pt>
                <c:pt idx="2402">
                  <c:v>41881</c:v>
                </c:pt>
                <c:pt idx="2403">
                  <c:v>41881</c:v>
                </c:pt>
                <c:pt idx="2404">
                  <c:v>41881</c:v>
                </c:pt>
                <c:pt idx="2405">
                  <c:v>41881</c:v>
                </c:pt>
                <c:pt idx="2406">
                  <c:v>41881</c:v>
                </c:pt>
                <c:pt idx="2407">
                  <c:v>41881</c:v>
                </c:pt>
                <c:pt idx="2408">
                  <c:v>41881</c:v>
                </c:pt>
                <c:pt idx="2409">
                  <c:v>41882</c:v>
                </c:pt>
                <c:pt idx="2410">
                  <c:v>41882</c:v>
                </c:pt>
                <c:pt idx="2411">
                  <c:v>41882</c:v>
                </c:pt>
                <c:pt idx="2412">
                  <c:v>41882</c:v>
                </c:pt>
                <c:pt idx="2413">
                  <c:v>41882</c:v>
                </c:pt>
                <c:pt idx="2414">
                  <c:v>41882</c:v>
                </c:pt>
                <c:pt idx="2415">
                  <c:v>41883</c:v>
                </c:pt>
                <c:pt idx="2416">
                  <c:v>41883</c:v>
                </c:pt>
                <c:pt idx="2417">
                  <c:v>41883</c:v>
                </c:pt>
                <c:pt idx="2418">
                  <c:v>41883</c:v>
                </c:pt>
                <c:pt idx="2419">
                  <c:v>41883</c:v>
                </c:pt>
                <c:pt idx="2420">
                  <c:v>41883</c:v>
                </c:pt>
                <c:pt idx="2421">
                  <c:v>41883</c:v>
                </c:pt>
                <c:pt idx="2422">
                  <c:v>41883</c:v>
                </c:pt>
                <c:pt idx="2423">
                  <c:v>41883</c:v>
                </c:pt>
                <c:pt idx="2424">
                  <c:v>41883</c:v>
                </c:pt>
                <c:pt idx="2425">
                  <c:v>41883</c:v>
                </c:pt>
                <c:pt idx="2426">
                  <c:v>41883</c:v>
                </c:pt>
                <c:pt idx="2427">
                  <c:v>41883</c:v>
                </c:pt>
                <c:pt idx="2428">
                  <c:v>41883</c:v>
                </c:pt>
                <c:pt idx="2429">
                  <c:v>41883</c:v>
                </c:pt>
                <c:pt idx="2430">
                  <c:v>41883</c:v>
                </c:pt>
                <c:pt idx="2431">
                  <c:v>41883</c:v>
                </c:pt>
                <c:pt idx="2432">
                  <c:v>41883</c:v>
                </c:pt>
                <c:pt idx="2433">
                  <c:v>41883</c:v>
                </c:pt>
                <c:pt idx="2434">
                  <c:v>41883</c:v>
                </c:pt>
                <c:pt idx="2435">
                  <c:v>41883</c:v>
                </c:pt>
                <c:pt idx="2436">
                  <c:v>41883</c:v>
                </c:pt>
                <c:pt idx="2437">
                  <c:v>41883</c:v>
                </c:pt>
                <c:pt idx="2438">
                  <c:v>41883</c:v>
                </c:pt>
                <c:pt idx="2439">
                  <c:v>41883</c:v>
                </c:pt>
                <c:pt idx="2440">
                  <c:v>41883</c:v>
                </c:pt>
                <c:pt idx="2441">
                  <c:v>41883</c:v>
                </c:pt>
                <c:pt idx="2442">
                  <c:v>41883</c:v>
                </c:pt>
                <c:pt idx="2443">
                  <c:v>41883</c:v>
                </c:pt>
                <c:pt idx="2444">
                  <c:v>41883</c:v>
                </c:pt>
                <c:pt idx="2445">
                  <c:v>41883</c:v>
                </c:pt>
                <c:pt idx="2446">
                  <c:v>41883</c:v>
                </c:pt>
                <c:pt idx="2447">
                  <c:v>41883</c:v>
                </c:pt>
                <c:pt idx="2448">
                  <c:v>41883</c:v>
                </c:pt>
                <c:pt idx="2449">
                  <c:v>41883</c:v>
                </c:pt>
                <c:pt idx="2450">
                  <c:v>41883</c:v>
                </c:pt>
                <c:pt idx="2451">
                  <c:v>41883</c:v>
                </c:pt>
                <c:pt idx="2452">
                  <c:v>41883</c:v>
                </c:pt>
                <c:pt idx="2453">
                  <c:v>41883</c:v>
                </c:pt>
                <c:pt idx="2454">
                  <c:v>41883</c:v>
                </c:pt>
                <c:pt idx="2455">
                  <c:v>41883</c:v>
                </c:pt>
                <c:pt idx="2456">
                  <c:v>41883</c:v>
                </c:pt>
                <c:pt idx="2457">
                  <c:v>41883</c:v>
                </c:pt>
                <c:pt idx="2458">
                  <c:v>41883</c:v>
                </c:pt>
                <c:pt idx="2459">
                  <c:v>41883</c:v>
                </c:pt>
                <c:pt idx="2460">
                  <c:v>41883</c:v>
                </c:pt>
                <c:pt idx="2461">
                  <c:v>41883</c:v>
                </c:pt>
                <c:pt idx="2462">
                  <c:v>41883</c:v>
                </c:pt>
                <c:pt idx="2463">
                  <c:v>41883</c:v>
                </c:pt>
                <c:pt idx="2464">
                  <c:v>41883</c:v>
                </c:pt>
                <c:pt idx="2465">
                  <c:v>41883</c:v>
                </c:pt>
                <c:pt idx="2466">
                  <c:v>41883</c:v>
                </c:pt>
                <c:pt idx="2467">
                  <c:v>41883</c:v>
                </c:pt>
                <c:pt idx="2468">
                  <c:v>41883</c:v>
                </c:pt>
                <c:pt idx="2469">
                  <c:v>41883</c:v>
                </c:pt>
                <c:pt idx="2470">
                  <c:v>41883</c:v>
                </c:pt>
                <c:pt idx="2471">
                  <c:v>41883</c:v>
                </c:pt>
                <c:pt idx="2472">
                  <c:v>41883</c:v>
                </c:pt>
                <c:pt idx="2473">
                  <c:v>41883</c:v>
                </c:pt>
                <c:pt idx="2474">
                  <c:v>41883</c:v>
                </c:pt>
                <c:pt idx="2475">
                  <c:v>41883</c:v>
                </c:pt>
                <c:pt idx="2476">
                  <c:v>41883</c:v>
                </c:pt>
                <c:pt idx="2477">
                  <c:v>41883</c:v>
                </c:pt>
                <c:pt idx="2478">
                  <c:v>41883</c:v>
                </c:pt>
                <c:pt idx="2479">
                  <c:v>41883</c:v>
                </c:pt>
                <c:pt idx="2480">
                  <c:v>41883</c:v>
                </c:pt>
                <c:pt idx="2481">
                  <c:v>41883</c:v>
                </c:pt>
                <c:pt idx="2482">
                  <c:v>41883</c:v>
                </c:pt>
                <c:pt idx="2483">
                  <c:v>41883</c:v>
                </c:pt>
                <c:pt idx="2484">
                  <c:v>41883</c:v>
                </c:pt>
                <c:pt idx="2485">
                  <c:v>41883</c:v>
                </c:pt>
                <c:pt idx="2486">
                  <c:v>41883</c:v>
                </c:pt>
                <c:pt idx="2487">
                  <c:v>41883</c:v>
                </c:pt>
                <c:pt idx="2488">
                  <c:v>41883</c:v>
                </c:pt>
                <c:pt idx="2489">
                  <c:v>41883</c:v>
                </c:pt>
                <c:pt idx="2490">
                  <c:v>41883</c:v>
                </c:pt>
                <c:pt idx="2491">
                  <c:v>41883</c:v>
                </c:pt>
                <c:pt idx="2492">
                  <c:v>41883</c:v>
                </c:pt>
                <c:pt idx="2493">
                  <c:v>41883</c:v>
                </c:pt>
                <c:pt idx="2494">
                  <c:v>41883</c:v>
                </c:pt>
                <c:pt idx="2495">
                  <c:v>41883</c:v>
                </c:pt>
                <c:pt idx="2496">
                  <c:v>41883</c:v>
                </c:pt>
                <c:pt idx="2497">
                  <c:v>41883</c:v>
                </c:pt>
                <c:pt idx="2498">
                  <c:v>41883</c:v>
                </c:pt>
                <c:pt idx="2499">
                  <c:v>41883</c:v>
                </c:pt>
                <c:pt idx="2500">
                  <c:v>41883</c:v>
                </c:pt>
                <c:pt idx="2501">
                  <c:v>41883</c:v>
                </c:pt>
                <c:pt idx="2502">
                  <c:v>41883</c:v>
                </c:pt>
                <c:pt idx="2503">
                  <c:v>41883</c:v>
                </c:pt>
                <c:pt idx="2504">
                  <c:v>41883</c:v>
                </c:pt>
                <c:pt idx="2505">
                  <c:v>41883</c:v>
                </c:pt>
                <c:pt idx="2506">
                  <c:v>41883</c:v>
                </c:pt>
                <c:pt idx="2507">
                  <c:v>41883</c:v>
                </c:pt>
                <c:pt idx="2508">
                  <c:v>41883</c:v>
                </c:pt>
                <c:pt idx="2509">
                  <c:v>41883</c:v>
                </c:pt>
                <c:pt idx="2510">
                  <c:v>41883</c:v>
                </c:pt>
                <c:pt idx="2511">
                  <c:v>41883</c:v>
                </c:pt>
                <c:pt idx="2512">
                  <c:v>41883</c:v>
                </c:pt>
                <c:pt idx="2513">
                  <c:v>41883</c:v>
                </c:pt>
                <c:pt idx="2514">
                  <c:v>41883</c:v>
                </c:pt>
                <c:pt idx="2515">
                  <c:v>41883</c:v>
                </c:pt>
                <c:pt idx="2516">
                  <c:v>41883</c:v>
                </c:pt>
                <c:pt idx="2517">
                  <c:v>41883</c:v>
                </c:pt>
                <c:pt idx="2518">
                  <c:v>41883</c:v>
                </c:pt>
                <c:pt idx="2519">
                  <c:v>41883</c:v>
                </c:pt>
                <c:pt idx="2520">
                  <c:v>41883</c:v>
                </c:pt>
                <c:pt idx="2521">
                  <c:v>41883</c:v>
                </c:pt>
                <c:pt idx="2522">
                  <c:v>41883</c:v>
                </c:pt>
                <c:pt idx="2523">
                  <c:v>41883</c:v>
                </c:pt>
                <c:pt idx="2524">
                  <c:v>41883</c:v>
                </c:pt>
                <c:pt idx="2525">
                  <c:v>41883</c:v>
                </c:pt>
                <c:pt idx="2526">
                  <c:v>41883</c:v>
                </c:pt>
                <c:pt idx="2527">
                  <c:v>41883</c:v>
                </c:pt>
                <c:pt idx="2528">
                  <c:v>41883</c:v>
                </c:pt>
                <c:pt idx="2529">
                  <c:v>41883</c:v>
                </c:pt>
                <c:pt idx="2530">
                  <c:v>41883</c:v>
                </c:pt>
                <c:pt idx="2531">
                  <c:v>41883</c:v>
                </c:pt>
                <c:pt idx="2532">
                  <c:v>41883</c:v>
                </c:pt>
                <c:pt idx="2533">
                  <c:v>41883</c:v>
                </c:pt>
                <c:pt idx="2534">
                  <c:v>41883</c:v>
                </c:pt>
                <c:pt idx="2535">
                  <c:v>41883</c:v>
                </c:pt>
                <c:pt idx="2536">
                  <c:v>41883</c:v>
                </c:pt>
                <c:pt idx="2537">
                  <c:v>41883</c:v>
                </c:pt>
                <c:pt idx="2538">
                  <c:v>41883</c:v>
                </c:pt>
                <c:pt idx="2539">
                  <c:v>41883</c:v>
                </c:pt>
                <c:pt idx="2540">
                  <c:v>41883</c:v>
                </c:pt>
                <c:pt idx="2541">
                  <c:v>41883</c:v>
                </c:pt>
                <c:pt idx="2542">
                  <c:v>41883</c:v>
                </c:pt>
                <c:pt idx="2543">
                  <c:v>41883</c:v>
                </c:pt>
                <c:pt idx="2544">
                  <c:v>41883</c:v>
                </c:pt>
                <c:pt idx="2545">
                  <c:v>41883</c:v>
                </c:pt>
                <c:pt idx="2546">
                  <c:v>41883</c:v>
                </c:pt>
                <c:pt idx="2547">
                  <c:v>41883</c:v>
                </c:pt>
                <c:pt idx="2548">
                  <c:v>41883</c:v>
                </c:pt>
                <c:pt idx="2549">
                  <c:v>41883</c:v>
                </c:pt>
                <c:pt idx="2550">
                  <c:v>41883</c:v>
                </c:pt>
                <c:pt idx="2551">
                  <c:v>41883</c:v>
                </c:pt>
                <c:pt idx="2552">
                  <c:v>41883</c:v>
                </c:pt>
                <c:pt idx="2553">
                  <c:v>41883</c:v>
                </c:pt>
                <c:pt idx="2554">
                  <c:v>41883</c:v>
                </c:pt>
                <c:pt idx="2555">
                  <c:v>41883</c:v>
                </c:pt>
                <c:pt idx="2556">
                  <c:v>41883</c:v>
                </c:pt>
                <c:pt idx="2557">
                  <c:v>41883</c:v>
                </c:pt>
                <c:pt idx="2558">
                  <c:v>41883</c:v>
                </c:pt>
                <c:pt idx="2559">
                  <c:v>41883</c:v>
                </c:pt>
                <c:pt idx="2560">
                  <c:v>41883</c:v>
                </c:pt>
                <c:pt idx="2561">
                  <c:v>41883</c:v>
                </c:pt>
                <c:pt idx="2562">
                  <c:v>41883</c:v>
                </c:pt>
                <c:pt idx="2563">
                  <c:v>41883</c:v>
                </c:pt>
                <c:pt idx="2564">
                  <c:v>41883</c:v>
                </c:pt>
                <c:pt idx="2565">
                  <c:v>41883</c:v>
                </c:pt>
                <c:pt idx="2566">
                  <c:v>41883</c:v>
                </c:pt>
                <c:pt idx="2567">
                  <c:v>41883</c:v>
                </c:pt>
                <c:pt idx="2568">
                  <c:v>41883</c:v>
                </c:pt>
                <c:pt idx="2569">
                  <c:v>41883</c:v>
                </c:pt>
                <c:pt idx="2570">
                  <c:v>41883</c:v>
                </c:pt>
                <c:pt idx="2571">
                  <c:v>41883</c:v>
                </c:pt>
                <c:pt idx="2572">
                  <c:v>41883</c:v>
                </c:pt>
                <c:pt idx="2573">
                  <c:v>41884</c:v>
                </c:pt>
                <c:pt idx="2574">
                  <c:v>41884</c:v>
                </c:pt>
                <c:pt idx="2575">
                  <c:v>41884</c:v>
                </c:pt>
                <c:pt idx="2576">
                  <c:v>41884</c:v>
                </c:pt>
                <c:pt idx="2577">
                  <c:v>41884</c:v>
                </c:pt>
                <c:pt idx="2578">
                  <c:v>41884</c:v>
                </c:pt>
                <c:pt idx="2579">
                  <c:v>41884</c:v>
                </c:pt>
                <c:pt idx="2580">
                  <c:v>41884</c:v>
                </c:pt>
                <c:pt idx="2581">
                  <c:v>41884</c:v>
                </c:pt>
                <c:pt idx="2582">
                  <c:v>41884</c:v>
                </c:pt>
                <c:pt idx="2583">
                  <c:v>41884</c:v>
                </c:pt>
                <c:pt idx="2584">
                  <c:v>41884</c:v>
                </c:pt>
                <c:pt idx="2585">
                  <c:v>41884</c:v>
                </c:pt>
                <c:pt idx="2586">
                  <c:v>41884</c:v>
                </c:pt>
                <c:pt idx="2587">
                  <c:v>41884</c:v>
                </c:pt>
                <c:pt idx="2588">
                  <c:v>41884</c:v>
                </c:pt>
                <c:pt idx="2589">
                  <c:v>41884</c:v>
                </c:pt>
                <c:pt idx="2590">
                  <c:v>41884</c:v>
                </c:pt>
                <c:pt idx="2591">
                  <c:v>41884</c:v>
                </c:pt>
                <c:pt idx="2592">
                  <c:v>41884</c:v>
                </c:pt>
                <c:pt idx="2593">
                  <c:v>41884</c:v>
                </c:pt>
                <c:pt idx="2594">
                  <c:v>41884</c:v>
                </c:pt>
                <c:pt idx="2595">
                  <c:v>41884</c:v>
                </c:pt>
                <c:pt idx="2596">
                  <c:v>41884</c:v>
                </c:pt>
                <c:pt idx="2597">
                  <c:v>41884</c:v>
                </c:pt>
                <c:pt idx="2598">
                  <c:v>41884</c:v>
                </c:pt>
                <c:pt idx="2599">
                  <c:v>41884</c:v>
                </c:pt>
                <c:pt idx="2600">
                  <c:v>41884</c:v>
                </c:pt>
                <c:pt idx="2601">
                  <c:v>41884</c:v>
                </c:pt>
                <c:pt idx="2602">
                  <c:v>41884</c:v>
                </c:pt>
                <c:pt idx="2603">
                  <c:v>41884</c:v>
                </c:pt>
                <c:pt idx="2604">
                  <c:v>41884</c:v>
                </c:pt>
                <c:pt idx="2605">
                  <c:v>41884</c:v>
                </c:pt>
                <c:pt idx="2606">
                  <c:v>41884</c:v>
                </c:pt>
                <c:pt idx="2607">
                  <c:v>41884</c:v>
                </c:pt>
                <c:pt idx="2608">
                  <c:v>41884</c:v>
                </c:pt>
                <c:pt idx="2609">
                  <c:v>41884</c:v>
                </c:pt>
                <c:pt idx="2610">
                  <c:v>41884</c:v>
                </c:pt>
                <c:pt idx="2611">
                  <c:v>41884</c:v>
                </c:pt>
                <c:pt idx="2612">
                  <c:v>41884</c:v>
                </c:pt>
                <c:pt idx="2613">
                  <c:v>41884</c:v>
                </c:pt>
                <c:pt idx="2614">
                  <c:v>41884</c:v>
                </c:pt>
                <c:pt idx="2615">
                  <c:v>41884</c:v>
                </c:pt>
                <c:pt idx="2616">
                  <c:v>41884</c:v>
                </c:pt>
                <c:pt idx="2617">
                  <c:v>41884</c:v>
                </c:pt>
                <c:pt idx="2618">
                  <c:v>41884</c:v>
                </c:pt>
                <c:pt idx="2619">
                  <c:v>41884</c:v>
                </c:pt>
                <c:pt idx="2620">
                  <c:v>41884</c:v>
                </c:pt>
                <c:pt idx="2621">
                  <c:v>41884</c:v>
                </c:pt>
                <c:pt idx="2622">
                  <c:v>41884</c:v>
                </c:pt>
                <c:pt idx="2623">
                  <c:v>41884</c:v>
                </c:pt>
                <c:pt idx="2624">
                  <c:v>41884</c:v>
                </c:pt>
                <c:pt idx="2625">
                  <c:v>41884</c:v>
                </c:pt>
                <c:pt idx="2626">
                  <c:v>41884</c:v>
                </c:pt>
                <c:pt idx="2627">
                  <c:v>41884</c:v>
                </c:pt>
                <c:pt idx="2628">
                  <c:v>41884</c:v>
                </c:pt>
                <c:pt idx="2629">
                  <c:v>41884</c:v>
                </c:pt>
                <c:pt idx="2630">
                  <c:v>41884</c:v>
                </c:pt>
                <c:pt idx="2631">
                  <c:v>41884</c:v>
                </c:pt>
                <c:pt idx="2632">
                  <c:v>41884</c:v>
                </c:pt>
                <c:pt idx="2633">
                  <c:v>41884</c:v>
                </c:pt>
                <c:pt idx="2634">
                  <c:v>41884</c:v>
                </c:pt>
                <c:pt idx="2635">
                  <c:v>41884</c:v>
                </c:pt>
                <c:pt idx="2636">
                  <c:v>41884</c:v>
                </c:pt>
                <c:pt idx="2637">
                  <c:v>41884</c:v>
                </c:pt>
                <c:pt idx="2638">
                  <c:v>41884</c:v>
                </c:pt>
                <c:pt idx="2639">
                  <c:v>41884</c:v>
                </c:pt>
                <c:pt idx="2640">
                  <c:v>41884</c:v>
                </c:pt>
                <c:pt idx="2641">
                  <c:v>41884</c:v>
                </c:pt>
                <c:pt idx="2642">
                  <c:v>41884</c:v>
                </c:pt>
                <c:pt idx="2643">
                  <c:v>41884</c:v>
                </c:pt>
                <c:pt idx="2644">
                  <c:v>41884</c:v>
                </c:pt>
                <c:pt idx="2645">
                  <c:v>41884</c:v>
                </c:pt>
                <c:pt idx="2646">
                  <c:v>41884</c:v>
                </c:pt>
                <c:pt idx="2647">
                  <c:v>41884</c:v>
                </c:pt>
                <c:pt idx="2648">
                  <c:v>41884</c:v>
                </c:pt>
                <c:pt idx="2649">
                  <c:v>41884</c:v>
                </c:pt>
                <c:pt idx="2650">
                  <c:v>41884</c:v>
                </c:pt>
                <c:pt idx="2651">
                  <c:v>41884</c:v>
                </c:pt>
                <c:pt idx="2652">
                  <c:v>41884</c:v>
                </c:pt>
                <c:pt idx="2653">
                  <c:v>41884</c:v>
                </c:pt>
                <c:pt idx="2654">
                  <c:v>41884</c:v>
                </c:pt>
                <c:pt idx="2655">
                  <c:v>41884</c:v>
                </c:pt>
                <c:pt idx="2656">
                  <c:v>41884</c:v>
                </c:pt>
                <c:pt idx="2657">
                  <c:v>41884</c:v>
                </c:pt>
                <c:pt idx="2658">
                  <c:v>41884</c:v>
                </c:pt>
                <c:pt idx="2659">
                  <c:v>41884</c:v>
                </c:pt>
                <c:pt idx="2660">
                  <c:v>41884</c:v>
                </c:pt>
                <c:pt idx="2661">
                  <c:v>41884</c:v>
                </c:pt>
                <c:pt idx="2662">
                  <c:v>41884</c:v>
                </c:pt>
                <c:pt idx="2663">
                  <c:v>41884</c:v>
                </c:pt>
                <c:pt idx="2664">
                  <c:v>41884</c:v>
                </c:pt>
                <c:pt idx="2665">
                  <c:v>41884</c:v>
                </c:pt>
                <c:pt idx="2666">
                  <c:v>41884</c:v>
                </c:pt>
                <c:pt idx="2667">
                  <c:v>41884</c:v>
                </c:pt>
                <c:pt idx="2668">
                  <c:v>41884</c:v>
                </c:pt>
                <c:pt idx="2669">
                  <c:v>41884</c:v>
                </c:pt>
                <c:pt idx="2670">
                  <c:v>41884</c:v>
                </c:pt>
                <c:pt idx="2671">
                  <c:v>41884</c:v>
                </c:pt>
                <c:pt idx="2672">
                  <c:v>41884</c:v>
                </c:pt>
                <c:pt idx="2673">
                  <c:v>41884</c:v>
                </c:pt>
                <c:pt idx="2674">
                  <c:v>41885</c:v>
                </c:pt>
                <c:pt idx="2675">
                  <c:v>41885</c:v>
                </c:pt>
                <c:pt idx="2676">
                  <c:v>41885</c:v>
                </c:pt>
                <c:pt idx="2677">
                  <c:v>41885</c:v>
                </c:pt>
                <c:pt idx="2678">
                  <c:v>41885</c:v>
                </c:pt>
                <c:pt idx="2679">
                  <c:v>41885</c:v>
                </c:pt>
                <c:pt idx="2680">
                  <c:v>41885</c:v>
                </c:pt>
                <c:pt idx="2681">
                  <c:v>41885</c:v>
                </c:pt>
                <c:pt idx="2682">
                  <c:v>41885</c:v>
                </c:pt>
                <c:pt idx="2683">
                  <c:v>41885</c:v>
                </c:pt>
                <c:pt idx="2684">
                  <c:v>41885</c:v>
                </c:pt>
                <c:pt idx="2685">
                  <c:v>41885</c:v>
                </c:pt>
                <c:pt idx="2686">
                  <c:v>41885</c:v>
                </c:pt>
                <c:pt idx="2687">
                  <c:v>41885</c:v>
                </c:pt>
                <c:pt idx="2688">
                  <c:v>41885</c:v>
                </c:pt>
                <c:pt idx="2689">
                  <c:v>41885</c:v>
                </c:pt>
                <c:pt idx="2690">
                  <c:v>41885</c:v>
                </c:pt>
                <c:pt idx="2691">
                  <c:v>41885</c:v>
                </c:pt>
                <c:pt idx="2692">
                  <c:v>41885</c:v>
                </c:pt>
                <c:pt idx="2693">
                  <c:v>41885</c:v>
                </c:pt>
                <c:pt idx="2694">
                  <c:v>41885</c:v>
                </c:pt>
                <c:pt idx="2695">
                  <c:v>41885</c:v>
                </c:pt>
                <c:pt idx="2696">
                  <c:v>41885</c:v>
                </c:pt>
                <c:pt idx="2697">
                  <c:v>41885</c:v>
                </c:pt>
                <c:pt idx="2698">
                  <c:v>41885</c:v>
                </c:pt>
                <c:pt idx="2699">
                  <c:v>41885</c:v>
                </c:pt>
                <c:pt idx="2700">
                  <c:v>41885</c:v>
                </c:pt>
                <c:pt idx="2701">
                  <c:v>41885</c:v>
                </c:pt>
                <c:pt idx="2702">
                  <c:v>41885</c:v>
                </c:pt>
                <c:pt idx="2703">
                  <c:v>41885</c:v>
                </c:pt>
                <c:pt idx="2704">
                  <c:v>41885</c:v>
                </c:pt>
                <c:pt idx="2705">
                  <c:v>41885</c:v>
                </c:pt>
                <c:pt idx="2706">
                  <c:v>41885</c:v>
                </c:pt>
                <c:pt idx="2707">
                  <c:v>41885</c:v>
                </c:pt>
                <c:pt idx="2708">
                  <c:v>41885</c:v>
                </c:pt>
                <c:pt idx="2709">
                  <c:v>41885</c:v>
                </c:pt>
                <c:pt idx="2710">
                  <c:v>41885</c:v>
                </c:pt>
                <c:pt idx="2711">
                  <c:v>41885</c:v>
                </c:pt>
                <c:pt idx="2712">
                  <c:v>41885</c:v>
                </c:pt>
                <c:pt idx="2713">
                  <c:v>41885</c:v>
                </c:pt>
                <c:pt idx="2714">
                  <c:v>41885</c:v>
                </c:pt>
                <c:pt idx="2715">
                  <c:v>41885</c:v>
                </c:pt>
                <c:pt idx="2716">
                  <c:v>41885</c:v>
                </c:pt>
                <c:pt idx="2717">
                  <c:v>41885</c:v>
                </c:pt>
                <c:pt idx="2718">
                  <c:v>41885</c:v>
                </c:pt>
                <c:pt idx="2719">
                  <c:v>41885</c:v>
                </c:pt>
                <c:pt idx="2720">
                  <c:v>41885</c:v>
                </c:pt>
                <c:pt idx="2721">
                  <c:v>41885</c:v>
                </c:pt>
                <c:pt idx="2722">
                  <c:v>41885</c:v>
                </c:pt>
                <c:pt idx="2723">
                  <c:v>41885</c:v>
                </c:pt>
                <c:pt idx="2724">
                  <c:v>41885</c:v>
                </c:pt>
                <c:pt idx="2725">
                  <c:v>41885</c:v>
                </c:pt>
                <c:pt idx="2726">
                  <c:v>41885</c:v>
                </c:pt>
                <c:pt idx="2727">
                  <c:v>41885</c:v>
                </c:pt>
                <c:pt idx="2728">
                  <c:v>41885</c:v>
                </c:pt>
                <c:pt idx="2729">
                  <c:v>41885</c:v>
                </c:pt>
                <c:pt idx="2730">
                  <c:v>41885</c:v>
                </c:pt>
                <c:pt idx="2731">
                  <c:v>41885</c:v>
                </c:pt>
                <c:pt idx="2732">
                  <c:v>41885</c:v>
                </c:pt>
                <c:pt idx="2733">
                  <c:v>41885</c:v>
                </c:pt>
                <c:pt idx="2734">
                  <c:v>41885</c:v>
                </c:pt>
                <c:pt idx="2735">
                  <c:v>41885</c:v>
                </c:pt>
                <c:pt idx="2736">
                  <c:v>41885</c:v>
                </c:pt>
                <c:pt idx="2737">
                  <c:v>41885</c:v>
                </c:pt>
                <c:pt idx="2738">
                  <c:v>41885</c:v>
                </c:pt>
                <c:pt idx="2739">
                  <c:v>41885</c:v>
                </c:pt>
                <c:pt idx="2740">
                  <c:v>41885</c:v>
                </c:pt>
                <c:pt idx="2741">
                  <c:v>41885</c:v>
                </c:pt>
                <c:pt idx="2742">
                  <c:v>41885</c:v>
                </c:pt>
                <c:pt idx="2743">
                  <c:v>41886</c:v>
                </c:pt>
                <c:pt idx="2744">
                  <c:v>41886</c:v>
                </c:pt>
                <c:pt idx="2745">
                  <c:v>41886</c:v>
                </c:pt>
                <c:pt idx="2746">
                  <c:v>41886</c:v>
                </c:pt>
                <c:pt idx="2747">
                  <c:v>41886</c:v>
                </c:pt>
                <c:pt idx="2748">
                  <c:v>41886</c:v>
                </c:pt>
                <c:pt idx="2749">
                  <c:v>41886</c:v>
                </c:pt>
                <c:pt idx="2750">
                  <c:v>41886</c:v>
                </c:pt>
                <c:pt idx="2751">
                  <c:v>41886</c:v>
                </c:pt>
                <c:pt idx="2752">
                  <c:v>41886</c:v>
                </c:pt>
                <c:pt idx="2753">
                  <c:v>41886</c:v>
                </c:pt>
                <c:pt idx="2754">
                  <c:v>41886</c:v>
                </c:pt>
                <c:pt idx="2755">
                  <c:v>41886</c:v>
                </c:pt>
                <c:pt idx="2756">
                  <c:v>41886</c:v>
                </c:pt>
                <c:pt idx="2757">
                  <c:v>41886</c:v>
                </c:pt>
                <c:pt idx="2758">
                  <c:v>41886</c:v>
                </c:pt>
                <c:pt idx="2759">
                  <c:v>41886</c:v>
                </c:pt>
                <c:pt idx="2760">
                  <c:v>41886</c:v>
                </c:pt>
                <c:pt idx="2761">
                  <c:v>41886</c:v>
                </c:pt>
                <c:pt idx="2762">
                  <c:v>41886</c:v>
                </c:pt>
                <c:pt idx="2763">
                  <c:v>41887</c:v>
                </c:pt>
                <c:pt idx="2764">
                  <c:v>41887</c:v>
                </c:pt>
                <c:pt idx="2765">
                  <c:v>41887</c:v>
                </c:pt>
                <c:pt idx="2766">
                  <c:v>41887</c:v>
                </c:pt>
                <c:pt idx="2767">
                  <c:v>41887</c:v>
                </c:pt>
                <c:pt idx="2768">
                  <c:v>41887</c:v>
                </c:pt>
                <c:pt idx="2769">
                  <c:v>41887</c:v>
                </c:pt>
                <c:pt idx="2770">
                  <c:v>41887</c:v>
                </c:pt>
                <c:pt idx="2771">
                  <c:v>41887</c:v>
                </c:pt>
                <c:pt idx="2772">
                  <c:v>41887</c:v>
                </c:pt>
                <c:pt idx="2773">
                  <c:v>41887</c:v>
                </c:pt>
                <c:pt idx="2774">
                  <c:v>41887</c:v>
                </c:pt>
                <c:pt idx="2775">
                  <c:v>41887</c:v>
                </c:pt>
                <c:pt idx="2776">
                  <c:v>41888</c:v>
                </c:pt>
                <c:pt idx="2777">
                  <c:v>41888</c:v>
                </c:pt>
                <c:pt idx="2778">
                  <c:v>41888</c:v>
                </c:pt>
                <c:pt idx="2779">
                  <c:v>41888</c:v>
                </c:pt>
                <c:pt idx="2780">
                  <c:v>41888</c:v>
                </c:pt>
                <c:pt idx="2781">
                  <c:v>41888</c:v>
                </c:pt>
                <c:pt idx="2782">
                  <c:v>41888</c:v>
                </c:pt>
                <c:pt idx="2783">
                  <c:v>41888</c:v>
                </c:pt>
                <c:pt idx="2784">
                  <c:v>41888</c:v>
                </c:pt>
                <c:pt idx="2785">
                  <c:v>41889</c:v>
                </c:pt>
                <c:pt idx="2786">
                  <c:v>41889</c:v>
                </c:pt>
                <c:pt idx="2787">
                  <c:v>41889</c:v>
                </c:pt>
                <c:pt idx="2788">
                  <c:v>41889</c:v>
                </c:pt>
                <c:pt idx="2789">
                  <c:v>41889</c:v>
                </c:pt>
                <c:pt idx="2790">
                  <c:v>41889</c:v>
                </c:pt>
                <c:pt idx="2791">
                  <c:v>41889</c:v>
                </c:pt>
                <c:pt idx="2792">
                  <c:v>41889</c:v>
                </c:pt>
                <c:pt idx="2793">
                  <c:v>41889</c:v>
                </c:pt>
                <c:pt idx="2794">
                  <c:v>41889</c:v>
                </c:pt>
                <c:pt idx="2795">
                  <c:v>41889</c:v>
                </c:pt>
                <c:pt idx="2796">
                  <c:v>41889</c:v>
                </c:pt>
                <c:pt idx="2797">
                  <c:v>41889</c:v>
                </c:pt>
                <c:pt idx="2798">
                  <c:v>41889</c:v>
                </c:pt>
                <c:pt idx="2799">
                  <c:v>41889</c:v>
                </c:pt>
                <c:pt idx="2800">
                  <c:v>41890</c:v>
                </c:pt>
                <c:pt idx="2801">
                  <c:v>41890</c:v>
                </c:pt>
                <c:pt idx="2802">
                  <c:v>41890</c:v>
                </c:pt>
                <c:pt idx="2803">
                  <c:v>41890</c:v>
                </c:pt>
                <c:pt idx="2804">
                  <c:v>41890</c:v>
                </c:pt>
                <c:pt idx="2805">
                  <c:v>41890</c:v>
                </c:pt>
                <c:pt idx="2806">
                  <c:v>41890</c:v>
                </c:pt>
                <c:pt idx="2807">
                  <c:v>41890</c:v>
                </c:pt>
                <c:pt idx="2808">
                  <c:v>41890</c:v>
                </c:pt>
                <c:pt idx="2809">
                  <c:v>41890</c:v>
                </c:pt>
                <c:pt idx="2810">
                  <c:v>41890</c:v>
                </c:pt>
                <c:pt idx="2811">
                  <c:v>41891</c:v>
                </c:pt>
                <c:pt idx="2812">
                  <c:v>41891</c:v>
                </c:pt>
                <c:pt idx="2813">
                  <c:v>41891</c:v>
                </c:pt>
                <c:pt idx="2814">
                  <c:v>41891</c:v>
                </c:pt>
                <c:pt idx="2815">
                  <c:v>41891</c:v>
                </c:pt>
                <c:pt idx="2816">
                  <c:v>41891</c:v>
                </c:pt>
                <c:pt idx="2817">
                  <c:v>41891</c:v>
                </c:pt>
                <c:pt idx="2818">
                  <c:v>41891</c:v>
                </c:pt>
                <c:pt idx="2819">
                  <c:v>41892</c:v>
                </c:pt>
                <c:pt idx="2820">
                  <c:v>41892</c:v>
                </c:pt>
                <c:pt idx="2821">
                  <c:v>41892</c:v>
                </c:pt>
                <c:pt idx="2822">
                  <c:v>41892</c:v>
                </c:pt>
                <c:pt idx="2823">
                  <c:v>41892</c:v>
                </c:pt>
                <c:pt idx="2824">
                  <c:v>41892</c:v>
                </c:pt>
                <c:pt idx="2825">
                  <c:v>41893</c:v>
                </c:pt>
                <c:pt idx="2826">
                  <c:v>41893</c:v>
                </c:pt>
                <c:pt idx="2827">
                  <c:v>41893</c:v>
                </c:pt>
                <c:pt idx="2828">
                  <c:v>41893</c:v>
                </c:pt>
                <c:pt idx="2829">
                  <c:v>41893</c:v>
                </c:pt>
                <c:pt idx="2830">
                  <c:v>41893</c:v>
                </c:pt>
                <c:pt idx="2831">
                  <c:v>41893</c:v>
                </c:pt>
                <c:pt idx="2832">
                  <c:v>41893</c:v>
                </c:pt>
                <c:pt idx="2833">
                  <c:v>41893</c:v>
                </c:pt>
                <c:pt idx="2834">
                  <c:v>41893</c:v>
                </c:pt>
                <c:pt idx="2835">
                  <c:v>41893</c:v>
                </c:pt>
                <c:pt idx="2836">
                  <c:v>41893</c:v>
                </c:pt>
                <c:pt idx="2837">
                  <c:v>41893</c:v>
                </c:pt>
                <c:pt idx="2838">
                  <c:v>41893</c:v>
                </c:pt>
                <c:pt idx="2839">
                  <c:v>41893</c:v>
                </c:pt>
                <c:pt idx="2840">
                  <c:v>41893</c:v>
                </c:pt>
                <c:pt idx="2841">
                  <c:v>41893</c:v>
                </c:pt>
                <c:pt idx="2842">
                  <c:v>41893</c:v>
                </c:pt>
                <c:pt idx="2843">
                  <c:v>41893</c:v>
                </c:pt>
                <c:pt idx="2844">
                  <c:v>41893</c:v>
                </c:pt>
                <c:pt idx="2845">
                  <c:v>41893</c:v>
                </c:pt>
                <c:pt idx="2846">
                  <c:v>41893</c:v>
                </c:pt>
                <c:pt idx="2847">
                  <c:v>41893</c:v>
                </c:pt>
                <c:pt idx="2848">
                  <c:v>41893</c:v>
                </c:pt>
                <c:pt idx="2849">
                  <c:v>41893</c:v>
                </c:pt>
                <c:pt idx="2850">
                  <c:v>41893</c:v>
                </c:pt>
                <c:pt idx="2851">
                  <c:v>41893</c:v>
                </c:pt>
                <c:pt idx="2852">
                  <c:v>41893</c:v>
                </c:pt>
                <c:pt idx="2853">
                  <c:v>41893</c:v>
                </c:pt>
                <c:pt idx="2854">
                  <c:v>41893</c:v>
                </c:pt>
                <c:pt idx="2855">
                  <c:v>41893</c:v>
                </c:pt>
                <c:pt idx="2856">
                  <c:v>41893</c:v>
                </c:pt>
                <c:pt idx="2857">
                  <c:v>41893</c:v>
                </c:pt>
                <c:pt idx="2858">
                  <c:v>41893</c:v>
                </c:pt>
                <c:pt idx="2859">
                  <c:v>41893</c:v>
                </c:pt>
                <c:pt idx="2860">
                  <c:v>41893</c:v>
                </c:pt>
                <c:pt idx="2861">
                  <c:v>41893</c:v>
                </c:pt>
                <c:pt idx="2862">
                  <c:v>41893</c:v>
                </c:pt>
                <c:pt idx="2863">
                  <c:v>41893</c:v>
                </c:pt>
                <c:pt idx="2864">
                  <c:v>41893</c:v>
                </c:pt>
                <c:pt idx="2865">
                  <c:v>41893</c:v>
                </c:pt>
                <c:pt idx="2866">
                  <c:v>41893</c:v>
                </c:pt>
                <c:pt idx="2867">
                  <c:v>41893</c:v>
                </c:pt>
                <c:pt idx="2868">
                  <c:v>41893</c:v>
                </c:pt>
                <c:pt idx="2869">
                  <c:v>41893</c:v>
                </c:pt>
                <c:pt idx="2870">
                  <c:v>41893</c:v>
                </c:pt>
                <c:pt idx="2871">
                  <c:v>41893</c:v>
                </c:pt>
                <c:pt idx="2872">
                  <c:v>41893</c:v>
                </c:pt>
                <c:pt idx="2873">
                  <c:v>41893</c:v>
                </c:pt>
                <c:pt idx="2874">
                  <c:v>41893</c:v>
                </c:pt>
                <c:pt idx="2875">
                  <c:v>41893</c:v>
                </c:pt>
                <c:pt idx="2876">
                  <c:v>41893</c:v>
                </c:pt>
                <c:pt idx="2877">
                  <c:v>41893</c:v>
                </c:pt>
                <c:pt idx="2878">
                  <c:v>41893</c:v>
                </c:pt>
                <c:pt idx="2879">
                  <c:v>41893</c:v>
                </c:pt>
                <c:pt idx="2880">
                  <c:v>41893</c:v>
                </c:pt>
                <c:pt idx="2881">
                  <c:v>41893</c:v>
                </c:pt>
                <c:pt idx="2882">
                  <c:v>41893</c:v>
                </c:pt>
                <c:pt idx="2883">
                  <c:v>41893</c:v>
                </c:pt>
                <c:pt idx="2884">
                  <c:v>41893</c:v>
                </c:pt>
                <c:pt idx="2885">
                  <c:v>41893</c:v>
                </c:pt>
                <c:pt idx="2886">
                  <c:v>41893</c:v>
                </c:pt>
                <c:pt idx="2887">
                  <c:v>41893</c:v>
                </c:pt>
                <c:pt idx="2888">
                  <c:v>41893</c:v>
                </c:pt>
                <c:pt idx="2889">
                  <c:v>41893</c:v>
                </c:pt>
                <c:pt idx="2890">
                  <c:v>41893</c:v>
                </c:pt>
                <c:pt idx="2891">
                  <c:v>41893</c:v>
                </c:pt>
                <c:pt idx="2892">
                  <c:v>41893</c:v>
                </c:pt>
                <c:pt idx="2893">
                  <c:v>41893</c:v>
                </c:pt>
                <c:pt idx="2894">
                  <c:v>41893</c:v>
                </c:pt>
                <c:pt idx="2895">
                  <c:v>41893</c:v>
                </c:pt>
                <c:pt idx="2896">
                  <c:v>41893</c:v>
                </c:pt>
                <c:pt idx="2897">
                  <c:v>41893</c:v>
                </c:pt>
                <c:pt idx="2898">
                  <c:v>41893</c:v>
                </c:pt>
                <c:pt idx="2899">
                  <c:v>41893</c:v>
                </c:pt>
                <c:pt idx="2900">
                  <c:v>41893</c:v>
                </c:pt>
                <c:pt idx="2901">
                  <c:v>41893</c:v>
                </c:pt>
                <c:pt idx="2902">
                  <c:v>41893</c:v>
                </c:pt>
                <c:pt idx="2903">
                  <c:v>41893</c:v>
                </c:pt>
                <c:pt idx="2904">
                  <c:v>41893</c:v>
                </c:pt>
                <c:pt idx="2905">
                  <c:v>41893</c:v>
                </c:pt>
                <c:pt idx="2906">
                  <c:v>41893</c:v>
                </c:pt>
                <c:pt idx="2907">
                  <c:v>41893</c:v>
                </c:pt>
                <c:pt idx="2908">
                  <c:v>41893</c:v>
                </c:pt>
                <c:pt idx="2909">
                  <c:v>41893</c:v>
                </c:pt>
                <c:pt idx="2910">
                  <c:v>41893</c:v>
                </c:pt>
                <c:pt idx="2911">
                  <c:v>41893</c:v>
                </c:pt>
                <c:pt idx="2912">
                  <c:v>41893</c:v>
                </c:pt>
                <c:pt idx="2913">
                  <c:v>41893</c:v>
                </c:pt>
                <c:pt idx="2914">
                  <c:v>41893</c:v>
                </c:pt>
                <c:pt idx="2915">
                  <c:v>41893</c:v>
                </c:pt>
                <c:pt idx="2916">
                  <c:v>41893</c:v>
                </c:pt>
                <c:pt idx="2917">
                  <c:v>41893</c:v>
                </c:pt>
                <c:pt idx="2918">
                  <c:v>41893</c:v>
                </c:pt>
                <c:pt idx="2919">
                  <c:v>41893</c:v>
                </c:pt>
                <c:pt idx="2920">
                  <c:v>41893</c:v>
                </c:pt>
                <c:pt idx="2921">
                  <c:v>41893</c:v>
                </c:pt>
                <c:pt idx="2922">
                  <c:v>41893</c:v>
                </c:pt>
                <c:pt idx="2923">
                  <c:v>41893</c:v>
                </c:pt>
                <c:pt idx="2924">
                  <c:v>41893</c:v>
                </c:pt>
                <c:pt idx="2925">
                  <c:v>41893</c:v>
                </c:pt>
                <c:pt idx="2926">
                  <c:v>41893</c:v>
                </c:pt>
                <c:pt idx="2927">
                  <c:v>41893</c:v>
                </c:pt>
                <c:pt idx="2928">
                  <c:v>41893</c:v>
                </c:pt>
                <c:pt idx="2929">
                  <c:v>41893</c:v>
                </c:pt>
                <c:pt idx="2930">
                  <c:v>41893</c:v>
                </c:pt>
                <c:pt idx="2931">
                  <c:v>41893</c:v>
                </c:pt>
                <c:pt idx="2932">
                  <c:v>41893</c:v>
                </c:pt>
                <c:pt idx="2933">
                  <c:v>41893</c:v>
                </c:pt>
                <c:pt idx="2934">
                  <c:v>41893</c:v>
                </c:pt>
                <c:pt idx="2935">
                  <c:v>41893</c:v>
                </c:pt>
                <c:pt idx="2936">
                  <c:v>41893</c:v>
                </c:pt>
                <c:pt idx="2937">
                  <c:v>41893</c:v>
                </c:pt>
                <c:pt idx="2938">
                  <c:v>41893</c:v>
                </c:pt>
                <c:pt idx="2939">
                  <c:v>41893</c:v>
                </c:pt>
                <c:pt idx="2940">
                  <c:v>41893</c:v>
                </c:pt>
                <c:pt idx="2941">
                  <c:v>41893</c:v>
                </c:pt>
                <c:pt idx="2942">
                  <c:v>41893</c:v>
                </c:pt>
                <c:pt idx="2943">
                  <c:v>41893</c:v>
                </c:pt>
                <c:pt idx="2944">
                  <c:v>41893</c:v>
                </c:pt>
                <c:pt idx="2945">
                  <c:v>41893</c:v>
                </c:pt>
                <c:pt idx="2946">
                  <c:v>41893</c:v>
                </c:pt>
                <c:pt idx="2947">
                  <c:v>41893</c:v>
                </c:pt>
                <c:pt idx="2948">
                  <c:v>41893</c:v>
                </c:pt>
                <c:pt idx="2949">
                  <c:v>41893</c:v>
                </c:pt>
                <c:pt idx="2950">
                  <c:v>41893</c:v>
                </c:pt>
                <c:pt idx="2951">
                  <c:v>41893</c:v>
                </c:pt>
                <c:pt idx="2952">
                  <c:v>41893</c:v>
                </c:pt>
                <c:pt idx="2953">
                  <c:v>41893</c:v>
                </c:pt>
                <c:pt idx="2954">
                  <c:v>41894</c:v>
                </c:pt>
                <c:pt idx="2955">
                  <c:v>41894</c:v>
                </c:pt>
                <c:pt idx="2956">
                  <c:v>41894</c:v>
                </c:pt>
                <c:pt idx="2957">
                  <c:v>41894</c:v>
                </c:pt>
                <c:pt idx="2958">
                  <c:v>41894</c:v>
                </c:pt>
                <c:pt idx="2959">
                  <c:v>41894</c:v>
                </c:pt>
                <c:pt idx="2960">
                  <c:v>41894</c:v>
                </c:pt>
                <c:pt idx="2961">
                  <c:v>41894</c:v>
                </c:pt>
                <c:pt idx="2962">
                  <c:v>41894</c:v>
                </c:pt>
                <c:pt idx="2963">
                  <c:v>41894</c:v>
                </c:pt>
                <c:pt idx="2964">
                  <c:v>41894</c:v>
                </c:pt>
                <c:pt idx="2965">
                  <c:v>41894</c:v>
                </c:pt>
                <c:pt idx="2966">
                  <c:v>41894</c:v>
                </c:pt>
                <c:pt idx="2967">
                  <c:v>41894</c:v>
                </c:pt>
                <c:pt idx="2968">
                  <c:v>41894</c:v>
                </c:pt>
                <c:pt idx="2969">
                  <c:v>41894</c:v>
                </c:pt>
                <c:pt idx="2970">
                  <c:v>41894</c:v>
                </c:pt>
                <c:pt idx="2971">
                  <c:v>41894</c:v>
                </c:pt>
                <c:pt idx="2972">
                  <c:v>41894</c:v>
                </c:pt>
                <c:pt idx="2973">
                  <c:v>41894</c:v>
                </c:pt>
                <c:pt idx="2974">
                  <c:v>41894</c:v>
                </c:pt>
                <c:pt idx="2975">
                  <c:v>41894</c:v>
                </c:pt>
                <c:pt idx="2976">
                  <c:v>41894</c:v>
                </c:pt>
                <c:pt idx="2977">
                  <c:v>41894</c:v>
                </c:pt>
                <c:pt idx="2978">
                  <c:v>41894</c:v>
                </c:pt>
                <c:pt idx="2979">
                  <c:v>41894</c:v>
                </c:pt>
                <c:pt idx="2980">
                  <c:v>41894</c:v>
                </c:pt>
                <c:pt idx="2981">
                  <c:v>41894</c:v>
                </c:pt>
                <c:pt idx="2982">
                  <c:v>41894</c:v>
                </c:pt>
                <c:pt idx="2983">
                  <c:v>41894</c:v>
                </c:pt>
                <c:pt idx="2984">
                  <c:v>41894</c:v>
                </c:pt>
                <c:pt idx="2985">
                  <c:v>41894</c:v>
                </c:pt>
                <c:pt idx="2986">
                  <c:v>41894</c:v>
                </c:pt>
                <c:pt idx="2987">
                  <c:v>41894</c:v>
                </c:pt>
                <c:pt idx="2988">
                  <c:v>41894</c:v>
                </c:pt>
                <c:pt idx="2989">
                  <c:v>41894</c:v>
                </c:pt>
                <c:pt idx="2990">
                  <c:v>41894</c:v>
                </c:pt>
                <c:pt idx="2991">
                  <c:v>41894</c:v>
                </c:pt>
                <c:pt idx="2992">
                  <c:v>41894</c:v>
                </c:pt>
                <c:pt idx="2993">
                  <c:v>41894</c:v>
                </c:pt>
                <c:pt idx="2994">
                  <c:v>41894</c:v>
                </c:pt>
                <c:pt idx="2995">
                  <c:v>41894</c:v>
                </c:pt>
                <c:pt idx="2996">
                  <c:v>41894</c:v>
                </c:pt>
                <c:pt idx="2997">
                  <c:v>41894</c:v>
                </c:pt>
                <c:pt idx="2998">
                  <c:v>41894</c:v>
                </c:pt>
                <c:pt idx="2999">
                  <c:v>41894</c:v>
                </c:pt>
                <c:pt idx="3000">
                  <c:v>41894</c:v>
                </c:pt>
                <c:pt idx="3001">
                  <c:v>41894</c:v>
                </c:pt>
                <c:pt idx="3002">
                  <c:v>41894</c:v>
                </c:pt>
                <c:pt idx="3003">
                  <c:v>41894</c:v>
                </c:pt>
                <c:pt idx="3004">
                  <c:v>41894</c:v>
                </c:pt>
                <c:pt idx="3005">
                  <c:v>41894</c:v>
                </c:pt>
                <c:pt idx="3006">
                  <c:v>41894</c:v>
                </c:pt>
                <c:pt idx="3007">
                  <c:v>41894</c:v>
                </c:pt>
                <c:pt idx="3008">
                  <c:v>41894</c:v>
                </c:pt>
                <c:pt idx="3009">
                  <c:v>41894</c:v>
                </c:pt>
                <c:pt idx="3010">
                  <c:v>41894</c:v>
                </c:pt>
                <c:pt idx="3011">
                  <c:v>41894</c:v>
                </c:pt>
                <c:pt idx="3012">
                  <c:v>41894</c:v>
                </c:pt>
                <c:pt idx="3013">
                  <c:v>41894</c:v>
                </c:pt>
                <c:pt idx="3014">
                  <c:v>41894</c:v>
                </c:pt>
                <c:pt idx="3015">
                  <c:v>41894</c:v>
                </c:pt>
                <c:pt idx="3016">
                  <c:v>41894</c:v>
                </c:pt>
                <c:pt idx="3017">
                  <c:v>41894</c:v>
                </c:pt>
                <c:pt idx="3018">
                  <c:v>41894</c:v>
                </c:pt>
                <c:pt idx="3019">
                  <c:v>41894</c:v>
                </c:pt>
                <c:pt idx="3020">
                  <c:v>41894</c:v>
                </c:pt>
                <c:pt idx="3021">
                  <c:v>41894</c:v>
                </c:pt>
                <c:pt idx="3022">
                  <c:v>41894</c:v>
                </c:pt>
                <c:pt idx="3023">
                  <c:v>41894</c:v>
                </c:pt>
                <c:pt idx="3024">
                  <c:v>41894</c:v>
                </c:pt>
                <c:pt idx="3025">
                  <c:v>41894</c:v>
                </c:pt>
                <c:pt idx="3026">
                  <c:v>41894</c:v>
                </c:pt>
                <c:pt idx="3027">
                  <c:v>41894</c:v>
                </c:pt>
                <c:pt idx="3028">
                  <c:v>41894</c:v>
                </c:pt>
                <c:pt idx="3029">
                  <c:v>41894</c:v>
                </c:pt>
                <c:pt idx="3030">
                  <c:v>41894</c:v>
                </c:pt>
                <c:pt idx="3031">
                  <c:v>41894</c:v>
                </c:pt>
                <c:pt idx="3032">
                  <c:v>41894</c:v>
                </c:pt>
                <c:pt idx="3033">
                  <c:v>41894</c:v>
                </c:pt>
                <c:pt idx="3034">
                  <c:v>41894</c:v>
                </c:pt>
                <c:pt idx="3035">
                  <c:v>41894</c:v>
                </c:pt>
                <c:pt idx="3036">
                  <c:v>41894</c:v>
                </c:pt>
                <c:pt idx="3037">
                  <c:v>41894</c:v>
                </c:pt>
                <c:pt idx="3038">
                  <c:v>41894</c:v>
                </c:pt>
                <c:pt idx="3039">
                  <c:v>41894</c:v>
                </c:pt>
                <c:pt idx="3040">
                  <c:v>41894</c:v>
                </c:pt>
                <c:pt idx="3041">
                  <c:v>41894</c:v>
                </c:pt>
                <c:pt idx="3042">
                  <c:v>41894</c:v>
                </c:pt>
                <c:pt idx="3043">
                  <c:v>41894</c:v>
                </c:pt>
                <c:pt idx="3044">
                  <c:v>41894</c:v>
                </c:pt>
                <c:pt idx="3045">
                  <c:v>41894</c:v>
                </c:pt>
                <c:pt idx="3046">
                  <c:v>41894</c:v>
                </c:pt>
                <c:pt idx="3047">
                  <c:v>41894</c:v>
                </c:pt>
                <c:pt idx="3048">
                  <c:v>41894</c:v>
                </c:pt>
                <c:pt idx="3049">
                  <c:v>41894</c:v>
                </c:pt>
                <c:pt idx="3050">
                  <c:v>41894</c:v>
                </c:pt>
                <c:pt idx="3051">
                  <c:v>41894</c:v>
                </c:pt>
                <c:pt idx="3052">
                  <c:v>41894</c:v>
                </c:pt>
                <c:pt idx="3053">
                  <c:v>41894</c:v>
                </c:pt>
                <c:pt idx="3054">
                  <c:v>41894</c:v>
                </c:pt>
                <c:pt idx="3055">
                  <c:v>41894</c:v>
                </c:pt>
                <c:pt idx="3056">
                  <c:v>41894</c:v>
                </c:pt>
                <c:pt idx="3057">
                  <c:v>41894</c:v>
                </c:pt>
                <c:pt idx="3058">
                  <c:v>41894</c:v>
                </c:pt>
                <c:pt idx="3059">
                  <c:v>41894</c:v>
                </c:pt>
                <c:pt idx="3060">
                  <c:v>41894</c:v>
                </c:pt>
                <c:pt idx="3061">
                  <c:v>41894</c:v>
                </c:pt>
                <c:pt idx="3062">
                  <c:v>41894</c:v>
                </c:pt>
                <c:pt idx="3063">
                  <c:v>41894</c:v>
                </c:pt>
                <c:pt idx="3064">
                  <c:v>41894</c:v>
                </c:pt>
                <c:pt idx="3065">
                  <c:v>41894</c:v>
                </c:pt>
                <c:pt idx="3066">
                  <c:v>41894</c:v>
                </c:pt>
                <c:pt idx="3067">
                  <c:v>41894</c:v>
                </c:pt>
                <c:pt idx="3068">
                  <c:v>41894</c:v>
                </c:pt>
                <c:pt idx="3069">
                  <c:v>41894</c:v>
                </c:pt>
                <c:pt idx="3070">
                  <c:v>41894</c:v>
                </c:pt>
                <c:pt idx="3071">
                  <c:v>41894</c:v>
                </c:pt>
                <c:pt idx="3072">
                  <c:v>41894</c:v>
                </c:pt>
                <c:pt idx="3073">
                  <c:v>41894</c:v>
                </c:pt>
                <c:pt idx="3074">
                  <c:v>41895</c:v>
                </c:pt>
                <c:pt idx="3075">
                  <c:v>41895</c:v>
                </c:pt>
                <c:pt idx="3076">
                  <c:v>41895</c:v>
                </c:pt>
                <c:pt idx="3077">
                  <c:v>41895</c:v>
                </c:pt>
                <c:pt idx="3078">
                  <c:v>41895</c:v>
                </c:pt>
                <c:pt idx="3079">
                  <c:v>41895</c:v>
                </c:pt>
                <c:pt idx="3080">
                  <c:v>41895</c:v>
                </c:pt>
                <c:pt idx="3081">
                  <c:v>41895</c:v>
                </c:pt>
                <c:pt idx="3082">
                  <c:v>41895</c:v>
                </c:pt>
                <c:pt idx="3083">
                  <c:v>41895</c:v>
                </c:pt>
                <c:pt idx="3084">
                  <c:v>41895</c:v>
                </c:pt>
                <c:pt idx="3085">
                  <c:v>41895</c:v>
                </c:pt>
                <c:pt idx="3086">
                  <c:v>41895</c:v>
                </c:pt>
                <c:pt idx="3087">
                  <c:v>41895</c:v>
                </c:pt>
                <c:pt idx="3088">
                  <c:v>41895</c:v>
                </c:pt>
                <c:pt idx="3089">
                  <c:v>41895</c:v>
                </c:pt>
                <c:pt idx="3090">
                  <c:v>41895</c:v>
                </c:pt>
                <c:pt idx="3091">
                  <c:v>41895</c:v>
                </c:pt>
                <c:pt idx="3092">
                  <c:v>41895</c:v>
                </c:pt>
                <c:pt idx="3093">
                  <c:v>41895</c:v>
                </c:pt>
                <c:pt idx="3094">
                  <c:v>41895</c:v>
                </c:pt>
                <c:pt idx="3095">
                  <c:v>41895</c:v>
                </c:pt>
                <c:pt idx="3096">
                  <c:v>41895</c:v>
                </c:pt>
                <c:pt idx="3097">
                  <c:v>41895</c:v>
                </c:pt>
                <c:pt idx="3098">
                  <c:v>41895</c:v>
                </c:pt>
                <c:pt idx="3099">
                  <c:v>41895</c:v>
                </c:pt>
                <c:pt idx="3100">
                  <c:v>41895</c:v>
                </c:pt>
                <c:pt idx="3101">
                  <c:v>41895</c:v>
                </c:pt>
                <c:pt idx="3102">
                  <c:v>41895</c:v>
                </c:pt>
                <c:pt idx="3103">
                  <c:v>41895</c:v>
                </c:pt>
                <c:pt idx="3104">
                  <c:v>41895</c:v>
                </c:pt>
                <c:pt idx="3105">
                  <c:v>41895</c:v>
                </c:pt>
                <c:pt idx="3106">
                  <c:v>41895</c:v>
                </c:pt>
                <c:pt idx="3107">
                  <c:v>41895</c:v>
                </c:pt>
                <c:pt idx="3108">
                  <c:v>41895</c:v>
                </c:pt>
                <c:pt idx="3109">
                  <c:v>41895</c:v>
                </c:pt>
                <c:pt idx="3110">
                  <c:v>41895</c:v>
                </c:pt>
                <c:pt idx="3111">
                  <c:v>41895</c:v>
                </c:pt>
                <c:pt idx="3112">
                  <c:v>41895</c:v>
                </c:pt>
                <c:pt idx="3113">
                  <c:v>41895</c:v>
                </c:pt>
                <c:pt idx="3114">
                  <c:v>41895</c:v>
                </c:pt>
                <c:pt idx="3115">
                  <c:v>41895</c:v>
                </c:pt>
                <c:pt idx="3116">
                  <c:v>41895</c:v>
                </c:pt>
                <c:pt idx="3117">
                  <c:v>41895</c:v>
                </c:pt>
                <c:pt idx="3118">
                  <c:v>41895</c:v>
                </c:pt>
                <c:pt idx="3119">
                  <c:v>41895</c:v>
                </c:pt>
                <c:pt idx="3120">
                  <c:v>41895</c:v>
                </c:pt>
                <c:pt idx="3121">
                  <c:v>41895</c:v>
                </c:pt>
                <c:pt idx="3122">
                  <c:v>41895</c:v>
                </c:pt>
                <c:pt idx="3123">
                  <c:v>41895</c:v>
                </c:pt>
                <c:pt idx="3124">
                  <c:v>41895</c:v>
                </c:pt>
                <c:pt idx="3125">
                  <c:v>41895</c:v>
                </c:pt>
                <c:pt idx="3126">
                  <c:v>41895</c:v>
                </c:pt>
                <c:pt idx="3127">
                  <c:v>41895</c:v>
                </c:pt>
                <c:pt idx="3128">
                  <c:v>41895</c:v>
                </c:pt>
                <c:pt idx="3129">
                  <c:v>41895</c:v>
                </c:pt>
                <c:pt idx="3130">
                  <c:v>41895</c:v>
                </c:pt>
                <c:pt idx="3131">
                  <c:v>41895</c:v>
                </c:pt>
                <c:pt idx="3132">
                  <c:v>41895</c:v>
                </c:pt>
                <c:pt idx="3133">
                  <c:v>41895</c:v>
                </c:pt>
                <c:pt idx="3134">
                  <c:v>41895</c:v>
                </c:pt>
                <c:pt idx="3135">
                  <c:v>41895</c:v>
                </c:pt>
                <c:pt idx="3136">
                  <c:v>41895</c:v>
                </c:pt>
                <c:pt idx="3137">
                  <c:v>41895</c:v>
                </c:pt>
                <c:pt idx="3138">
                  <c:v>41895</c:v>
                </c:pt>
                <c:pt idx="3139">
                  <c:v>41895</c:v>
                </c:pt>
                <c:pt idx="3140">
                  <c:v>41895</c:v>
                </c:pt>
                <c:pt idx="3141">
                  <c:v>41895</c:v>
                </c:pt>
                <c:pt idx="3142">
                  <c:v>41895</c:v>
                </c:pt>
                <c:pt idx="3143">
                  <c:v>41895</c:v>
                </c:pt>
                <c:pt idx="3144">
                  <c:v>41895</c:v>
                </c:pt>
                <c:pt idx="3145">
                  <c:v>41895</c:v>
                </c:pt>
                <c:pt idx="3146">
                  <c:v>41895</c:v>
                </c:pt>
                <c:pt idx="3147">
                  <c:v>41895</c:v>
                </c:pt>
                <c:pt idx="3148">
                  <c:v>41895</c:v>
                </c:pt>
                <c:pt idx="3149">
                  <c:v>41895</c:v>
                </c:pt>
                <c:pt idx="3150">
                  <c:v>41895</c:v>
                </c:pt>
                <c:pt idx="3151">
                  <c:v>41895</c:v>
                </c:pt>
                <c:pt idx="3152">
                  <c:v>41895</c:v>
                </c:pt>
                <c:pt idx="3153">
                  <c:v>41895</c:v>
                </c:pt>
                <c:pt idx="3154">
                  <c:v>41895</c:v>
                </c:pt>
                <c:pt idx="3155">
                  <c:v>41895</c:v>
                </c:pt>
                <c:pt idx="3156">
                  <c:v>41895</c:v>
                </c:pt>
                <c:pt idx="3157">
                  <c:v>41895</c:v>
                </c:pt>
                <c:pt idx="3158">
                  <c:v>41895</c:v>
                </c:pt>
                <c:pt idx="3159">
                  <c:v>41895</c:v>
                </c:pt>
                <c:pt idx="3160">
                  <c:v>41895</c:v>
                </c:pt>
                <c:pt idx="3161">
                  <c:v>41895</c:v>
                </c:pt>
                <c:pt idx="3162">
                  <c:v>41895</c:v>
                </c:pt>
                <c:pt idx="3163">
                  <c:v>41895</c:v>
                </c:pt>
                <c:pt idx="3164">
                  <c:v>41895</c:v>
                </c:pt>
                <c:pt idx="3165">
                  <c:v>41895</c:v>
                </c:pt>
                <c:pt idx="3166">
                  <c:v>41895</c:v>
                </c:pt>
                <c:pt idx="3167">
                  <c:v>41895</c:v>
                </c:pt>
                <c:pt idx="3168">
                  <c:v>41895</c:v>
                </c:pt>
                <c:pt idx="3169">
                  <c:v>41895</c:v>
                </c:pt>
                <c:pt idx="3170">
                  <c:v>41895</c:v>
                </c:pt>
                <c:pt idx="3171">
                  <c:v>41895</c:v>
                </c:pt>
                <c:pt idx="3172">
                  <c:v>41895</c:v>
                </c:pt>
                <c:pt idx="3173">
                  <c:v>41895</c:v>
                </c:pt>
                <c:pt idx="3174">
                  <c:v>41895</c:v>
                </c:pt>
                <c:pt idx="3175">
                  <c:v>41895</c:v>
                </c:pt>
                <c:pt idx="3176">
                  <c:v>41895</c:v>
                </c:pt>
                <c:pt idx="3177">
                  <c:v>41895</c:v>
                </c:pt>
                <c:pt idx="3178">
                  <c:v>41895</c:v>
                </c:pt>
                <c:pt idx="3179">
                  <c:v>41895</c:v>
                </c:pt>
                <c:pt idx="3180">
                  <c:v>41895</c:v>
                </c:pt>
                <c:pt idx="3181">
                  <c:v>41895</c:v>
                </c:pt>
                <c:pt idx="3182">
                  <c:v>41895</c:v>
                </c:pt>
                <c:pt idx="3183">
                  <c:v>41895</c:v>
                </c:pt>
                <c:pt idx="3184">
                  <c:v>41895</c:v>
                </c:pt>
                <c:pt idx="3185">
                  <c:v>41895</c:v>
                </c:pt>
                <c:pt idx="3186">
                  <c:v>41895</c:v>
                </c:pt>
                <c:pt idx="3187">
                  <c:v>41895</c:v>
                </c:pt>
                <c:pt idx="3188">
                  <c:v>41895</c:v>
                </c:pt>
                <c:pt idx="3189">
                  <c:v>41895</c:v>
                </c:pt>
                <c:pt idx="3190">
                  <c:v>41895</c:v>
                </c:pt>
                <c:pt idx="3191">
                  <c:v>41895</c:v>
                </c:pt>
                <c:pt idx="3192">
                  <c:v>41895</c:v>
                </c:pt>
                <c:pt idx="3193">
                  <c:v>41895</c:v>
                </c:pt>
                <c:pt idx="3194">
                  <c:v>41895</c:v>
                </c:pt>
                <c:pt idx="3195">
                  <c:v>41895</c:v>
                </c:pt>
                <c:pt idx="3196">
                  <c:v>41895</c:v>
                </c:pt>
                <c:pt idx="3197">
                  <c:v>41895</c:v>
                </c:pt>
                <c:pt idx="3198">
                  <c:v>41895</c:v>
                </c:pt>
                <c:pt idx="3199">
                  <c:v>41895</c:v>
                </c:pt>
                <c:pt idx="3200">
                  <c:v>41895</c:v>
                </c:pt>
                <c:pt idx="3201">
                  <c:v>41895</c:v>
                </c:pt>
                <c:pt idx="3202">
                  <c:v>41895</c:v>
                </c:pt>
                <c:pt idx="3203">
                  <c:v>41895</c:v>
                </c:pt>
                <c:pt idx="3204">
                  <c:v>41895</c:v>
                </c:pt>
                <c:pt idx="3205">
                  <c:v>41895</c:v>
                </c:pt>
                <c:pt idx="3206">
                  <c:v>41895</c:v>
                </c:pt>
                <c:pt idx="3207">
                  <c:v>41895</c:v>
                </c:pt>
                <c:pt idx="3208">
                  <c:v>41895</c:v>
                </c:pt>
                <c:pt idx="3209">
                  <c:v>41895</c:v>
                </c:pt>
                <c:pt idx="3210">
                  <c:v>41895</c:v>
                </c:pt>
                <c:pt idx="3211">
                  <c:v>41895</c:v>
                </c:pt>
                <c:pt idx="3212">
                  <c:v>41895</c:v>
                </c:pt>
                <c:pt idx="3213">
                  <c:v>41895</c:v>
                </c:pt>
                <c:pt idx="3214">
                  <c:v>41895</c:v>
                </c:pt>
                <c:pt idx="3215">
                  <c:v>41895</c:v>
                </c:pt>
                <c:pt idx="3216">
                  <c:v>41895</c:v>
                </c:pt>
                <c:pt idx="3217">
                  <c:v>41895</c:v>
                </c:pt>
                <c:pt idx="3218">
                  <c:v>41895</c:v>
                </c:pt>
                <c:pt idx="3219">
                  <c:v>41895</c:v>
                </c:pt>
                <c:pt idx="3220">
                  <c:v>41895</c:v>
                </c:pt>
                <c:pt idx="3221">
                  <c:v>41895</c:v>
                </c:pt>
                <c:pt idx="3222">
                  <c:v>41895</c:v>
                </c:pt>
                <c:pt idx="3223">
                  <c:v>41895</c:v>
                </c:pt>
                <c:pt idx="3224">
                  <c:v>41895</c:v>
                </c:pt>
                <c:pt idx="3225">
                  <c:v>41895</c:v>
                </c:pt>
                <c:pt idx="3226">
                  <c:v>41895</c:v>
                </c:pt>
                <c:pt idx="3227">
                  <c:v>41895</c:v>
                </c:pt>
                <c:pt idx="3228">
                  <c:v>41895</c:v>
                </c:pt>
                <c:pt idx="3229">
                  <c:v>41895</c:v>
                </c:pt>
                <c:pt idx="3230">
                  <c:v>41895</c:v>
                </c:pt>
                <c:pt idx="3231">
                  <c:v>41895</c:v>
                </c:pt>
                <c:pt idx="3232">
                  <c:v>41895</c:v>
                </c:pt>
                <c:pt idx="3233">
                  <c:v>41895</c:v>
                </c:pt>
                <c:pt idx="3234">
                  <c:v>41895</c:v>
                </c:pt>
                <c:pt idx="3235">
                  <c:v>41895</c:v>
                </c:pt>
                <c:pt idx="3236">
                  <c:v>41895</c:v>
                </c:pt>
                <c:pt idx="3237">
                  <c:v>41895</c:v>
                </c:pt>
                <c:pt idx="3238">
                  <c:v>41895</c:v>
                </c:pt>
                <c:pt idx="3239">
                  <c:v>41895</c:v>
                </c:pt>
                <c:pt idx="3240">
                  <c:v>41895</c:v>
                </c:pt>
                <c:pt idx="3241">
                  <c:v>41895</c:v>
                </c:pt>
                <c:pt idx="3242">
                  <c:v>41895</c:v>
                </c:pt>
                <c:pt idx="3243">
                  <c:v>41895</c:v>
                </c:pt>
                <c:pt idx="3244">
                  <c:v>41895</c:v>
                </c:pt>
                <c:pt idx="3245">
                  <c:v>41895</c:v>
                </c:pt>
                <c:pt idx="3246">
                  <c:v>41895</c:v>
                </c:pt>
                <c:pt idx="3247">
                  <c:v>41895</c:v>
                </c:pt>
                <c:pt idx="3248">
                  <c:v>41895</c:v>
                </c:pt>
                <c:pt idx="3249">
                  <c:v>41895</c:v>
                </c:pt>
                <c:pt idx="3250">
                  <c:v>41895</c:v>
                </c:pt>
                <c:pt idx="3251">
                  <c:v>41895</c:v>
                </c:pt>
                <c:pt idx="3252">
                  <c:v>41895</c:v>
                </c:pt>
                <c:pt idx="3253">
                  <c:v>41895</c:v>
                </c:pt>
                <c:pt idx="3254">
                  <c:v>41895</c:v>
                </c:pt>
                <c:pt idx="3255">
                  <c:v>41895</c:v>
                </c:pt>
                <c:pt idx="3256">
                  <c:v>41895</c:v>
                </c:pt>
                <c:pt idx="3257">
                  <c:v>41895</c:v>
                </c:pt>
                <c:pt idx="3258">
                  <c:v>41895</c:v>
                </c:pt>
                <c:pt idx="3259">
                  <c:v>41895</c:v>
                </c:pt>
                <c:pt idx="3260">
                  <c:v>41895</c:v>
                </c:pt>
                <c:pt idx="3261">
                  <c:v>41895</c:v>
                </c:pt>
                <c:pt idx="3262">
                  <c:v>41895</c:v>
                </c:pt>
                <c:pt idx="3263">
                  <c:v>41895</c:v>
                </c:pt>
                <c:pt idx="3264">
                  <c:v>41895</c:v>
                </c:pt>
                <c:pt idx="3265">
                  <c:v>41895</c:v>
                </c:pt>
                <c:pt idx="3266">
                  <c:v>41895</c:v>
                </c:pt>
                <c:pt idx="3267">
                  <c:v>41895</c:v>
                </c:pt>
                <c:pt idx="3268">
                  <c:v>41895</c:v>
                </c:pt>
                <c:pt idx="3269">
                  <c:v>41895</c:v>
                </c:pt>
                <c:pt idx="3270">
                  <c:v>41895</c:v>
                </c:pt>
                <c:pt idx="3271">
                  <c:v>41895</c:v>
                </c:pt>
                <c:pt idx="3272">
                  <c:v>41895</c:v>
                </c:pt>
                <c:pt idx="3273">
                  <c:v>41895</c:v>
                </c:pt>
                <c:pt idx="3274">
                  <c:v>41895</c:v>
                </c:pt>
                <c:pt idx="3275">
                  <c:v>41895</c:v>
                </c:pt>
                <c:pt idx="3276">
                  <c:v>41895</c:v>
                </c:pt>
                <c:pt idx="3277">
                  <c:v>41895</c:v>
                </c:pt>
                <c:pt idx="3278">
                  <c:v>41895</c:v>
                </c:pt>
                <c:pt idx="3279">
                  <c:v>41895</c:v>
                </c:pt>
                <c:pt idx="3280">
                  <c:v>41895</c:v>
                </c:pt>
                <c:pt idx="3281">
                  <c:v>41895</c:v>
                </c:pt>
                <c:pt idx="3282">
                  <c:v>41895</c:v>
                </c:pt>
                <c:pt idx="3283">
                  <c:v>41895</c:v>
                </c:pt>
                <c:pt idx="3284">
                  <c:v>41895</c:v>
                </c:pt>
                <c:pt idx="3285">
                  <c:v>41895</c:v>
                </c:pt>
                <c:pt idx="3286">
                  <c:v>41895</c:v>
                </c:pt>
                <c:pt idx="3287">
                  <c:v>41895</c:v>
                </c:pt>
                <c:pt idx="3288">
                  <c:v>41895</c:v>
                </c:pt>
                <c:pt idx="3289">
                  <c:v>41895</c:v>
                </c:pt>
                <c:pt idx="3290">
                  <c:v>41895</c:v>
                </c:pt>
                <c:pt idx="3291">
                  <c:v>41895</c:v>
                </c:pt>
                <c:pt idx="3292">
                  <c:v>41895</c:v>
                </c:pt>
                <c:pt idx="3293">
                  <c:v>41895</c:v>
                </c:pt>
                <c:pt idx="3294">
                  <c:v>41895</c:v>
                </c:pt>
                <c:pt idx="3295">
                  <c:v>41895</c:v>
                </c:pt>
                <c:pt idx="3296">
                  <c:v>41895</c:v>
                </c:pt>
                <c:pt idx="3297">
                  <c:v>41895</c:v>
                </c:pt>
                <c:pt idx="3298">
                  <c:v>41895</c:v>
                </c:pt>
                <c:pt idx="3299">
                  <c:v>41895</c:v>
                </c:pt>
                <c:pt idx="3300">
                  <c:v>41895</c:v>
                </c:pt>
                <c:pt idx="3301">
                  <c:v>41895</c:v>
                </c:pt>
                <c:pt idx="3302">
                  <c:v>41895</c:v>
                </c:pt>
                <c:pt idx="3303">
                  <c:v>41895</c:v>
                </c:pt>
                <c:pt idx="3304">
                  <c:v>41895</c:v>
                </c:pt>
                <c:pt idx="3305">
                  <c:v>41895</c:v>
                </c:pt>
                <c:pt idx="3306">
                  <c:v>41895</c:v>
                </c:pt>
                <c:pt idx="3307">
                  <c:v>41895</c:v>
                </c:pt>
                <c:pt idx="3308">
                  <c:v>41895</c:v>
                </c:pt>
                <c:pt idx="3309">
                  <c:v>41895</c:v>
                </c:pt>
                <c:pt idx="3310">
                  <c:v>41895</c:v>
                </c:pt>
                <c:pt idx="3311">
                  <c:v>41895</c:v>
                </c:pt>
                <c:pt idx="3312">
                  <c:v>41895</c:v>
                </c:pt>
                <c:pt idx="3313">
                  <c:v>41895</c:v>
                </c:pt>
                <c:pt idx="3314">
                  <c:v>41895</c:v>
                </c:pt>
                <c:pt idx="3315">
                  <c:v>41895</c:v>
                </c:pt>
                <c:pt idx="3316">
                  <c:v>41895</c:v>
                </c:pt>
                <c:pt idx="3317">
                  <c:v>41895</c:v>
                </c:pt>
                <c:pt idx="3318">
                  <c:v>41895</c:v>
                </c:pt>
                <c:pt idx="3319">
                  <c:v>41895</c:v>
                </c:pt>
                <c:pt idx="3320">
                  <c:v>41895</c:v>
                </c:pt>
                <c:pt idx="3321">
                  <c:v>41895</c:v>
                </c:pt>
                <c:pt idx="3322">
                  <c:v>41895</c:v>
                </c:pt>
                <c:pt idx="3323">
                  <c:v>41895</c:v>
                </c:pt>
                <c:pt idx="3324">
                  <c:v>41895</c:v>
                </c:pt>
                <c:pt idx="3325">
                  <c:v>41895</c:v>
                </c:pt>
                <c:pt idx="3326">
                  <c:v>41895</c:v>
                </c:pt>
                <c:pt idx="3327">
                  <c:v>41895</c:v>
                </c:pt>
                <c:pt idx="3328">
                  <c:v>41895</c:v>
                </c:pt>
                <c:pt idx="3329">
                  <c:v>41895</c:v>
                </c:pt>
                <c:pt idx="3330">
                  <c:v>41895</c:v>
                </c:pt>
                <c:pt idx="3331">
                  <c:v>41895</c:v>
                </c:pt>
                <c:pt idx="3332">
                  <c:v>41895</c:v>
                </c:pt>
                <c:pt idx="3333">
                  <c:v>41895</c:v>
                </c:pt>
                <c:pt idx="3334">
                  <c:v>41895</c:v>
                </c:pt>
                <c:pt idx="3335">
                  <c:v>41895</c:v>
                </c:pt>
                <c:pt idx="3336">
                  <c:v>41895</c:v>
                </c:pt>
                <c:pt idx="3337">
                  <c:v>41895</c:v>
                </c:pt>
                <c:pt idx="3338">
                  <c:v>41895</c:v>
                </c:pt>
                <c:pt idx="3339">
                  <c:v>41895</c:v>
                </c:pt>
                <c:pt idx="3340">
                  <c:v>41895</c:v>
                </c:pt>
                <c:pt idx="3341">
                  <c:v>41895</c:v>
                </c:pt>
                <c:pt idx="3342">
                  <c:v>41895</c:v>
                </c:pt>
                <c:pt idx="3343">
                  <c:v>41895</c:v>
                </c:pt>
                <c:pt idx="3344">
                  <c:v>41895</c:v>
                </c:pt>
                <c:pt idx="3345">
                  <c:v>41895</c:v>
                </c:pt>
                <c:pt idx="3346">
                  <c:v>41895</c:v>
                </c:pt>
                <c:pt idx="3347">
                  <c:v>41895</c:v>
                </c:pt>
                <c:pt idx="3348">
                  <c:v>41895</c:v>
                </c:pt>
                <c:pt idx="3349">
                  <c:v>41895</c:v>
                </c:pt>
                <c:pt idx="3350">
                  <c:v>41895</c:v>
                </c:pt>
                <c:pt idx="3351">
                  <c:v>41895</c:v>
                </c:pt>
                <c:pt idx="3352">
                  <c:v>41895</c:v>
                </c:pt>
                <c:pt idx="3353">
                  <c:v>41895</c:v>
                </c:pt>
                <c:pt idx="3354">
                  <c:v>41895</c:v>
                </c:pt>
                <c:pt idx="3355">
                  <c:v>41895</c:v>
                </c:pt>
                <c:pt idx="3356">
                  <c:v>41895</c:v>
                </c:pt>
                <c:pt idx="3357">
                  <c:v>41895</c:v>
                </c:pt>
                <c:pt idx="3358">
                  <c:v>41895</c:v>
                </c:pt>
                <c:pt idx="3359">
                  <c:v>41895</c:v>
                </c:pt>
                <c:pt idx="3360">
                  <c:v>41895</c:v>
                </c:pt>
                <c:pt idx="3361">
                  <c:v>41895</c:v>
                </c:pt>
                <c:pt idx="3362">
                  <c:v>41895</c:v>
                </c:pt>
                <c:pt idx="3363">
                  <c:v>41895</c:v>
                </c:pt>
                <c:pt idx="3364">
                  <c:v>41895</c:v>
                </c:pt>
                <c:pt idx="3365">
                  <c:v>41895</c:v>
                </c:pt>
                <c:pt idx="3366">
                  <c:v>41895</c:v>
                </c:pt>
                <c:pt idx="3367">
                  <c:v>41895</c:v>
                </c:pt>
                <c:pt idx="3368">
                  <c:v>41895</c:v>
                </c:pt>
                <c:pt idx="3369">
                  <c:v>41895</c:v>
                </c:pt>
                <c:pt idx="3370">
                  <c:v>41895</c:v>
                </c:pt>
                <c:pt idx="3371">
                  <c:v>41895</c:v>
                </c:pt>
                <c:pt idx="3372">
                  <c:v>41895</c:v>
                </c:pt>
                <c:pt idx="3373">
                  <c:v>41895</c:v>
                </c:pt>
                <c:pt idx="3374">
                  <c:v>41895</c:v>
                </c:pt>
                <c:pt idx="3375">
                  <c:v>41895</c:v>
                </c:pt>
                <c:pt idx="3376">
                  <c:v>41895</c:v>
                </c:pt>
                <c:pt idx="3377">
                  <c:v>41895</c:v>
                </c:pt>
                <c:pt idx="3378">
                  <c:v>41895</c:v>
                </c:pt>
                <c:pt idx="3379">
                  <c:v>41895</c:v>
                </c:pt>
                <c:pt idx="3380">
                  <c:v>41895</c:v>
                </c:pt>
                <c:pt idx="3381">
                  <c:v>41895</c:v>
                </c:pt>
                <c:pt idx="3382">
                  <c:v>41895</c:v>
                </c:pt>
                <c:pt idx="3383">
                  <c:v>41895</c:v>
                </c:pt>
                <c:pt idx="3384">
                  <c:v>41895</c:v>
                </c:pt>
                <c:pt idx="3385">
                  <c:v>41895</c:v>
                </c:pt>
                <c:pt idx="3386">
                  <c:v>41895</c:v>
                </c:pt>
                <c:pt idx="3387">
                  <c:v>41895</c:v>
                </c:pt>
                <c:pt idx="3388">
                  <c:v>41895</c:v>
                </c:pt>
                <c:pt idx="3389">
                  <c:v>41895</c:v>
                </c:pt>
                <c:pt idx="3390">
                  <c:v>41895</c:v>
                </c:pt>
                <c:pt idx="3391">
                  <c:v>41895</c:v>
                </c:pt>
                <c:pt idx="3392">
                  <c:v>41895</c:v>
                </c:pt>
                <c:pt idx="3393">
                  <c:v>41895</c:v>
                </c:pt>
                <c:pt idx="3394">
                  <c:v>41895</c:v>
                </c:pt>
                <c:pt idx="3395">
                  <c:v>41895</c:v>
                </c:pt>
                <c:pt idx="3396">
                  <c:v>41895</c:v>
                </c:pt>
                <c:pt idx="3397">
                  <c:v>41895</c:v>
                </c:pt>
                <c:pt idx="3398">
                  <c:v>41895</c:v>
                </c:pt>
                <c:pt idx="3399">
                  <c:v>41895</c:v>
                </c:pt>
                <c:pt idx="3400">
                  <c:v>41895</c:v>
                </c:pt>
                <c:pt idx="3401">
                  <c:v>41895</c:v>
                </c:pt>
                <c:pt idx="3402">
                  <c:v>41895</c:v>
                </c:pt>
                <c:pt idx="3403">
                  <c:v>41895</c:v>
                </c:pt>
                <c:pt idx="3404">
                  <c:v>41895</c:v>
                </c:pt>
                <c:pt idx="3405">
                  <c:v>41895</c:v>
                </c:pt>
                <c:pt idx="3406">
                  <c:v>41895</c:v>
                </c:pt>
                <c:pt idx="3407">
                  <c:v>41895</c:v>
                </c:pt>
                <c:pt idx="3408">
                  <c:v>41895</c:v>
                </c:pt>
                <c:pt idx="3409">
                  <c:v>41895</c:v>
                </c:pt>
                <c:pt idx="3410">
                  <c:v>41895</c:v>
                </c:pt>
                <c:pt idx="3411">
                  <c:v>41895</c:v>
                </c:pt>
                <c:pt idx="3412">
                  <c:v>41895</c:v>
                </c:pt>
                <c:pt idx="3413">
                  <c:v>41895</c:v>
                </c:pt>
                <c:pt idx="3414">
                  <c:v>41895</c:v>
                </c:pt>
                <c:pt idx="3415">
                  <c:v>41895</c:v>
                </c:pt>
                <c:pt idx="3416">
                  <c:v>41895</c:v>
                </c:pt>
                <c:pt idx="3417">
                  <c:v>41895</c:v>
                </c:pt>
                <c:pt idx="3418">
                  <c:v>41895</c:v>
                </c:pt>
                <c:pt idx="3419">
                  <c:v>41895</c:v>
                </c:pt>
                <c:pt idx="3420">
                  <c:v>41895</c:v>
                </c:pt>
                <c:pt idx="3421">
                  <c:v>41895</c:v>
                </c:pt>
                <c:pt idx="3422">
                  <c:v>41895</c:v>
                </c:pt>
                <c:pt idx="3423">
                  <c:v>41895</c:v>
                </c:pt>
                <c:pt idx="3424">
                  <c:v>41896</c:v>
                </c:pt>
                <c:pt idx="3425">
                  <c:v>41896</c:v>
                </c:pt>
                <c:pt idx="3426">
                  <c:v>41896</c:v>
                </c:pt>
                <c:pt idx="3427">
                  <c:v>41896</c:v>
                </c:pt>
                <c:pt idx="3428">
                  <c:v>41896</c:v>
                </c:pt>
                <c:pt idx="3429">
                  <c:v>41896</c:v>
                </c:pt>
                <c:pt idx="3430">
                  <c:v>41896</c:v>
                </c:pt>
                <c:pt idx="3431">
                  <c:v>41896</c:v>
                </c:pt>
                <c:pt idx="3432">
                  <c:v>41896</c:v>
                </c:pt>
                <c:pt idx="3433">
                  <c:v>41896</c:v>
                </c:pt>
                <c:pt idx="3434">
                  <c:v>41896</c:v>
                </c:pt>
                <c:pt idx="3435">
                  <c:v>41896</c:v>
                </c:pt>
                <c:pt idx="3436">
                  <c:v>41896</c:v>
                </c:pt>
                <c:pt idx="3437">
                  <c:v>41896</c:v>
                </c:pt>
                <c:pt idx="3438">
                  <c:v>41896</c:v>
                </c:pt>
                <c:pt idx="3439">
                  <c:v>41896</c:v>
                </c:pt>
                <c:pt idx="3440">
                  <c:v>41896</c:v>
                </c:pt>
                <c:pt idx="3441">
                  <c:v>41896</c:v>
                </c:pt>
                <c:pt idx="3442">
                  <c:v>41896</c:v>
                </c:pt>
                <c:pt idx="3443">
                  <c:v>41896</c:v>
                </c:pt>
                <c:pt idx="3444">
                  <c:v>41896</c:v>
                </c:pt>
                <c:pt idx="3445">
                  <c:v>41896</c:v>
                </c:pt>
                <c:pt idx="3446">
                  <c:v>41896</c:v>
                </c:pt>
                <c:pt idx="3447">
                  <c:v>41896</c:v>
                </c:pt>
                <c:pt idx="3448">
                  <c:v>41896</c:v>
                </c:pt>
                <c:pt idx="3449">
                  <c:v>41896</c:v>
                </c:pt>
                <c:pt idx="3450">
                  <c:v>41896</c:v>
                </c:pt>
                <c:pt idx="3451">
                  <c:v>41896</c:v>
                </c:pt>
                <c:pt idx="3452">
                  <c:v>41896</c:v>
                </c:pt>
                <c:pt idx="3453">
                  <c:v>41896</c:v>
                </c:pt>
                <c:pt idx="3454">
                  <c:v>41896</c:v>
                </c:pt>
                <c:pt idx="3455">
                  <c:v>41896</c:v>
                </c:pt>
                <c:pt idx="3456">
                  <c:v>41896</c:v>
                </c:pt>
                <c:pt idx="3457">
                  <c:v>41896</c:v>
                </c:pt>
                <c:pt idx="3458">
                  <c:v>41896</c:v>
                </c:pt>
                <c:pt idx="3459">
                  <c:v>41896</c:v>
                </c:pt>
                <c:pt idx="3460">
                  <c:v>41897</c:v>
                </c:pt>
                <c:pt idx="3461">
                  <c:v>41897</c:v>
                </c:pt>
                <c:pt idx="3462">
                  <c:v>41897</c:v>
                </c:pt>
                <c:pt idx="3463">
                  <c:v>41897</c:v>
                </c:pt>
                <c:pt idx="3464">
                  <c:v>41897</c:v>
                </c:pt>
                <c:pt idx="3465">
                  <c:v>41897</c:v>
                </c:pt>
                <c:pt idx="3466">
                  <c:v>41897</c:v>
                </c:pt>
                <c:pt idx="3467">
                  <c:v>41897</c:v>
                </c:pt>
                <c:pt idx="3468">
                  <c:v>41897</c:v>
                </c:pt>
                <c:pt idx="3469">
                  <c:v>41897</c:v>
                </c:pt>
                <c:pt idx="3470">
                  <c:v>41897</c:v>
                </c:pt>
                <c:pt idx="3471">
                  <c:v>41897</c:v>
                </c:pt>
                <c:pt idx="3472">
                  <c:v>41897</c:v>
                </c:pt>
                <c:pt idx="3473">
                  <c:v>41897</c:v>
                </c:pt>
                <c:pt idx="3474">
                  <c:v>41898</c:v>
                </c:pt>
                <c:pt idx="3475">
                  <c:v>41898</c:v>
                </c:pt>
                <c:pt idx="3476">
                  <c:v>41898</c:v>
                </c:pt>
                <c:pt idx="3477">
                  <c:v>41898</c:v>
                </c:pt>
                <c:pt idx="3478">
                  <c:v>41898</c:v>
                </c:pt>
                <c:pt idx="3479">
                  <c:v>41898</c:v>
                </c:pt>
                <c:pt idx="3480">
                  <c:v>41898</c:v>
                </c:pt>
                <c:pt idx="3481">
                  <c:v>41898</c:v>
                </c:pt>
                <c:pt idx="3482">
                  <c:v>41898</c:v>
                </c:pt>
                <c:pt idx="3483">
                  <c:v>41899</c:v>
                </c:pt>
                <c:pt idx="3484">
                  <c:v>41899</c:v>
                </c:pt>
                <c:pt idx="3485">
                  <c:v>41899</c:v>
                </c:pt>
                <c:pt idx="3486">
                  <c:v>41899</c:v>
                </c:pt>
                <c:pt idx="3487">
                  <c:v>41899</c:v>
                </c:pt>
                <c:pt idx="3488">
                  <c:v>41899</c:v>
                </c:pt>
                <c:pt idx="3489">
                  <c:v>41900</c:v>
                </c:pt>
                <c:pt idx="3490">
                  <c:v>41900</c:v>
                </c:pt>
                <c:pt idx="3491">
                  <c:v>41900</c:v>
                </c:pt>
                <c:pt idx="3492">
                  <c:v>41900</c:v>
                </c:pt>
                <c:pt idx="3493">
                  <c:v>41901</c:v>
                </c:pt>
                <c:pt idx="3494">
                  <c:v>41901</c:v>
                </c:pt>
                <c:pt idx="3495">
                  <c:v>41901</c:v>
                </c:pt>
                <c:pt idx="3496">
                  <c:v>41901</c:v>
                </c:pt>
                <c:pt idx="3497">
                  <c:v>41902</c:v>
                </c:pt>
                <c:pt idx="3498">
                  <c:v>41902</c:v>
                </c:pt>
                <c:pt idx="3499">
                  <c:v>41902</c:v>
                </c:pt>
                <c:pt idx="3500">
                  <c:v>41903</c:v>
                </c:pt>
                <c:pt idx="3501">
                  <c:v>41903</c:v>
                </c:pt>
                <c:pt idx="3502">
                  <c:v>41904</c:v>
                </c:pt>
                <c:pt idx="3503">
                  <c:v>41904</c:v>
                </c:pt>
                <c:pt idx="3504">
                  <c:v>41904</c:v>
                </c:pt>
                <c:pt idx="3505">
                  <c:v>41904</c:v>
                </c:pt>
                <c:pt idx="3506">
                  <c:v>41904</c:v>
                </c:pt>
                <c:pt idx="3507">
                  <c:v>41904</c:v>
                </c:pt>
                <c:pt idx="3508">
                  <c:v>41904</c:v>
                </c:pt>
                <c:pt idx="3509">
                  <c:v>41904</c:v>
                </c:pt>
                <c:pt idx="3510">
                  <c:v>41904</c:v>
                </c:pt>
                <c:pt idx="3511">
                  <c:v>41904</c:v>
                </c:pt>
                <c:pt idx="3512">
                  <c:v>41904</c:v>
                </c:pt>
                <c:pt idx="3513">
                  <c:v>41904</c:v>
                </c:pt>
                <c:pt idx="3514">
                  <c:v>41904</c:v>
                </c:pt>
                <c:pt idx="3515">
                  <c:v>41904</c:v>
                </c:pt>
                <c:pt idx="3516">
                  <c:v>41904</c:v>
                </c:pt>
                <c:pt idx="3517">
                  <c:v>41904</c:v>
                </c:pt>
                <c:pt idx="3518">
                  <c:v>41904</c:v>
                </c:pt>
                <c:pt idx="3519">
                  <c:v>41904</c:v>
                </c:pt>
                <c:pt idx="3520">
                  <c:v>41904</c:v>
                </c:pt>
                <c:pt idx="3521">
                  <c:v>41904</c:v>
                </c:pt>
                <c:pt idx="3522">
                  <c:v>41904</c:v>
                </c:pt>
                <c:pt idx="3523">
                  <c:v>41904</c:v>
                </c:pt>
                <c:pt idx="3524">
                  <c:v>41904</c:v>
                </c:pt>
                <c:pt idx="3525">
                  <c:v>41904</c:v>
                </c:pt>
                <c:pt idx="3526">
                  <c:v>41904</c:v>
                </c:pt>
                <c:pt idx="3527">
                  <c:v>41904</c:v>
                </c:pt>
                <c:pt idx="3528">
                  <c:v>41904</c:v>
                </c:pt>
                <c:pt idx="3529">
                  <c:v>41904</c:v>
                </c:pt>
                <c:pt idx="3530">
                  <c:v>41904</c:v>
                </c:pt>
                <c:pt idx="3531">
                  <c:v>41904</c:v>
                </c:pt>
                <c:pt idx="3532">
                  <c:v>41904</c:v>
                </c:pt>
                <c:pt idx="3533">
                  <c:v>41904</c:v>
                </c:pt>
                <c:pt idx="3534">
                  <c:v>41904</c:v>
                </c:pt>
                <c:pt idx="3535">
                  <c:v>41904</c:v>
                </c:pt>
                <c:pt idx="3536">
                  <c:v>41904</c:v>
                </c:pt>
                <c:pt idx="3537">
                  <c:v>41904</c:v>
                </c:pt>
                <c:pt idx="3538">
                  <c:v>41904</c:v>
                </c:pt>
                <c:pt idx="3539">
                  <c:v>41904</c:v>
                </c:pt>
                <c:pt idx="3540">
                  <c:v>41904</c:v>
                </c:pt>
                <c:pt idx="3541">
                  <c:v>41904</c:v>
                </c:pt>
                <c:pt idx="3542">
                  <c:v>41904</c:v>
                </c:pt>
                <c:pt idx="3543">
                  <c:v>41904</c:v>
                </c:pt>
                <c:pt idx="3544">
                  <c:v>41904</c:v>
                </c:pt>
                <c:pt idx="3545">
                  <c:v>41904</c:v>
                </c:pt>
                <c:pt idx="3546">
                  <c:v>41904</c:v>
                </c:pt>
                <c:pt idx="3547">
                  <c:v>41904</c:v>
                </c:pt>
                <c:pt idx="3548">
                  <c:v>41904</c:v>
                </c:pt>
                <c:pt idx="3549">
                  <c:v>41904</c:v>
                </c:pt>
                <c:pt idx="3550">
                  <c:v>41904</c:v>
                </c:pt>
                <c:pt idx="3551">
                  <c:v>41904</c:v>
                </c:pt>
                <c:pt idx="3552">
                  <c:v>41904</c:v>
                </c:pt>
                <c:pt idx="3553">
                  <c:v>41904</c:v>
                </c:pt>
                <c:pt idx="3554">
                  <c:v>41904</c:v>
                </c:pt>
                <c:pt idx="3555">
                  <c:v>41905</c:v>
                </c:pt>
                <c:pt idx="3556">
                  <c:v>41905</c:v>
                </c:pt>
                <c:pt idx="3557">
                  <c:v>41905</c:v>
                </c:pt>
                <c:pt idx="3558">
                  <c:v>41905</c:v>
                </c:pt>
                <c:pt idx="3559">
                  <c:v>41905</c:v>
                </c:pt>
                <c:pt idx="3560">
                  <c:v>41905</c:v>
                </c:pt>
                <c:pt idx="3561">
                  <c:v>41905</c:v>
                </c:pt>
                <c:pt idx="3562">
                  <c:v>41905</c:v>
                </c:pt>
                <c:pt idx="3563">
                  <c:v>41905</c:v>
                </c:pt>
                <c:pt idx="3564">
                  <c:v>41905</c:v>
                </c:pt>
                <c:pt idx="3565">
                  <c:v>41905</c:v>
                </c:pt>
                <c:pt idx="3566">
                  <c:v>41905</c:v>
                </c:pt>
                <c:pt idx="3567">
                  <c:v>41905</c:v>
                </c:pt>
                <c:pt idx="3568">
                  <c:v>41905</c:v>
                </c:pt>
                <c:pt idx="3569">
                  <c:v>41905</c:v>
                </c:pt>
                <c:pt idx="3570">
                  <c:v>41905</c:v>
                </c:pt>
                <c:pt idx="3571">
                  <c:v>41905</c:v>
                </c:pt>
                <c:pt idx="3572">
                  <c:v>41905</c:v>
                </c:pt>
                <c:pt idx="3573">
                  <c:v>41905</c:v>
                </c:pt>
                <c:pt idx="3574">
                  <c:v>41905</c:v>
                </c:pt>
                <c:pt idx="3575">
                  <c:v>41905</c:v>
                </c:pt>
                <c:pt idx="3576">
                  <c:v>41905</c:v>
                </c:pt>
                <c:pt idx="3577">
                  <c:v>41905</c:v>
                </c:pt>
                <c:pt idx="3578">
                  <c:v>41905</c:v>
                </c:pt>
                <c:pt idx="3579">
                  <c:v>41905</c:v>
                </c:pt>
                <c:pt idx="3580">
                  <c:v>41905</c:v>
                </c:pt>
                <c:pt idx="3581">
                  <c:v>41905</c:v>
                </c:pt>
                <c:pt idx="3582">
                  <c:v>41905</c:v>
                </c:pt>
                <c:pt idx="3583">
                  <c:v>41905</c:v>
                </c:pt>
                <c:pt idx="3584">
                  <c:v>41905</c:v>
                </c:pt>
                <c:pt idx="3585">
                  <c:v>41905</c:v>
                </c:pt>
                <c:pt idx="3586">
                  <c:v>41905</c:v>
                </c:pt>
                <c:pt idx="3587">
                  <c:v>41905</c:v>
                </c:pt>
                <c:pt idx="3588">
                  <c:v>41905</c:v>
                </c:pt>
                <c:pt idx="3589">
                  <c:v>41905</c:v>
                </c:pt>
                <c:pt idx="3590">
                  <c:v>41905</c:v>
                </c:pt>
                <c:pt idx="3591">
                  <c:v>41905</c:v>
                </c:pt>
                <c:pt idx="3592">
                  <c:v>41905</c:v>
                </c:pt>
                <c:pt idx="3593">
                  <c:v>41905</c:v>
                </c:pt>
                <c:pt idx="3594">
                  <c:v>41905</c:v>
                </c:pt>
                <c:pt idx="3595">
                  <c:v>41905</c:v>
                </c:pt>
                <c:pt idx="3596">
                  <c:v>41905</c:v>
                </c:pt>
                <c:pt idx="3597">
                  <c:v>41905</c:v>
                </c:pt>
                <c:pt idx="3598">
                  <c:v>41905</c:v>
                </c:pt>
                <c:pt idx="3599">
                  <c:v>41905</c:v>
                </c:pt>
                <c:pt idx="3600">
                  <c:v>41906</c:v>
                </c:pt>
                <c:pt idx="3601">
                  <c:v>41906</c:v>
                </c:pt>
                <c:pt idx="3602">
                  <c:v>41906</c:v>
                </c:pt>
                <c:pt idx="3603">
                  <c:v>41906</c:v>
                </c:pt>
                <c:pt idx="3604">
                  <c:v>41906</c:v>
                </c:pt>
                <c:pt idx="3605">
                  <c:v>41906</c:v>
                </c:pt>
                <c:pt idx="3606">
                  <c:v>41906</c:v>
                </c:pt>
                <c:pt idx="3607">
                  <c:v>41906</c:v>
                </c:pt>
                <c:pt idx="3608">
                  <c:v>41906</c:v>
                </c:pt>
                <c:pt idx="3609">
                  <c:v>41906</c:v>
                </c:pt>
                <c:pt idx="3610">
                  <c:v>41906</c:v>
                </c:pt>
                <c:pt idx="3611">
                  <c:v>41906</c:v>
                </c:pt>
                <c:pt idx="3612">
                  <c:v>41906</c:v>
                </c:pt>
                <c:pt idx="3613">
                  <c:v>41906</c:v>
                </c:pt>
                <c:pt idx="3614">
                  <c:v>41907</c:v>
                </c:pt>
                <c:pt idx="3615">
                  <c:v>41907</c:v>
                </c:pt>
                <c:pt idx="3616">
                  <c:v>41907</c:v>
                </c:pt>
                <c:pt idx="3617">
                  <c:v>41907</c:v>
                </c:pt>
                <c:pt idx="3618">
                  <c:v>41907</c:v>
                </c:pt>
                <c:pt idx="3619">
                  <c:v>41907</c:v>
                </c:pt>
                <c:pt idx="3620">
                  <c:v>41907</c:v>
                </c:pt>
                <c:pt idx="3621">
                  <c:v>41907</c:v>
                </c:pt>
                <c:pt idx="3622">
                  <c:v>41908</c:v>
                </c:pt>
                <c:pt idx="3623">
                  <c:v>41908</c:v>
                </c:pt>
                <c:pt idx="3624">
                  <c:v>41908</c:v>
                </c:pt>
                <c:pt idx="3625">
                  <c:v>41908</c:v>
                </c:pt>
                <c:pt idx="3626">
                  <c:v>41908</c:v>
                </c:pt>
                <c:pt idx="3627">
                  <c:v>41908</c:v>
                </c:pt>
                <c:pt idx="3628">
                  <c:v>41909</c:v>
                </c:pt>
                <c:pt idx="3629">
                  <c:v>41909</c:v>
                </c:pt>
                <c:pt idx="3630">
                  <c:v>41909</c:v>
                </c:pt>
                <c:pt idx="3631">
                  <c:v>41909</c:v>
                </c:pt>
                <c:pt idx="3632">
                  <c:v>41909</c:v>
                </c:pt>
                <c:pt idx="3633">
                  <c:v>41910</c:v>
                </c:pt>
                <c:pt idx="3634">
                  <c:v>41910</c:v>
                </c:pt>
                <c:pt idx="3635">
                  <c:v>41910</c:v>
                </c:pt>
                <c:pt idx="3636">
                  <c:v>41910</c:v>
                </c:pt>
                <c:pt idx="3637">
                  <c:v>41910</c:v>
                </c:pt>
                <c:pt idx="3638">
                  <c:v>41911</c:v>
                </c:pt>
                <c:pt idx="3639">
                  <c:v>41911</c:v>
                </c:pt>
                <c:pt idx="3640">
                  <c:v>41911</c:v>
                </c:pt>
              </c:numCache>
            </c:numRef>
          </c:cat>
          <c:val>
            <c:numRef>
              <c:f>Lizimeter!$D$5:$D$3645</c:f>
              <c:numCache>
                <c:formatCode>General</c:formatCode>
                <c:ptCount val="3641"/>
                <c:pt idx="0">
                  <c:v>0</c:v>
                </c:pt>
                <c:pt idx="1">
                  <c:v>0.13319999999999999</c:v>
                </c:pt>
                <c:pt idx="2">
                  <c:v>0.26639999999999997</c:v>
                </c:pt>
                <c:pt idx="3">
                  <c:v>0.39959999999999996</c:v>
                </c:pt>
                <c:pt idx="4">
                  <c:v>0.53279999999999994</c:v>
                </c:pt>
                <c:pt idx="5">
                  <c:v>0.66600000000000004</c:v>
                </c:pt>
                <c:pt idx="6">
                  <c:v>0.79919999999999991</c:v>
                </c:pt>
                <c:pt idx="7">
                  <c:v>0.9323999999999999</c:v>
                </c:pt>
                <c:pt idx="8">
                  <c:v>1.0655999999999999</c:v>
                </c:pt>
                <c:pt idx="9">
                  <c:v>1.1987999999999999</c:v>
                </c:pt>
                <c:pt idx="10">
                  <c:v>1.3320000000000001</c:v>
                </c:pt>
                <c:pt idx="11">
                  <c:v>1.4651999999999998</c:v>
                </c:pt>
                <c:pt idx="12">
                  <c:v>1.5983999999999998</c:v>
                </c:pt>
                <c:pt idx="13">
                  <c:v>1.7315999999999998</c:v>
                </c:pt>
                <c:pt idx="14">
                  <c:v>1.8647999999999998</c:v>
                </c:pt>
                <c:pt idx="15">
                  <c:v>1.9979999999999998</c:v>
                </c:pt>
                <c:pt idx="16">
                  <c:v>2.1311999999999998</c:v>
                </c:pt>
                <c:pt idx="17">
                  <c:v>2.2643999999999997</c:v>
                </c:pt>
                <c:pt idx="18">
                  <c:v>2.3975999999999997</c:v>
                </c:pt>
                <c:pt idx="19">
                  <c:v>2.5307999999999997</c:v>
                </c:pt>
                <c:pt idx="20">
                  <c:v>2.6640000000000001</c:v>
                </c:pt>
                <c:pt idx="21">
                  <c:v>2.7971999999999997</c:v>
                </c:pt>
                <c:pt idx="22">
                  <c:v>2.9303999999999997</c:v>
                </c:pt>
                <c:pt idx="23">
                  <c:v>3.0636000000000001</c:v>
                </c:pt>
                <c:pt idx="24">
                  <c:v>3.1967999999999996</c:v>
                </c:pt>
                <c:pt idx="25">
                  <c:v>3.3299999999999996</c:v>
                </c:pt>
                <c:pt idx="26">
                  <c:v>3.4631999999999996</c:v>
                </c:pt>
                <c:pt idx="27">
                  <c:v>3.5963999999999996</c:v>
                </c:pt>
                <c:pt idx="28">
                  <c:v>3.7295999999999996</c:v>
                </c:pt>
                <c:pt idx="29">
                  <c:v>3.8627999999999996</c:v>
                </c:pt>
                <c:pt idx="30">
                  <c:v>3.9959999999999996</c:v>
                </c:pt>
                <c:pt idx="31">
                  <c:v>4.1292</c:v>
                </c:pt>
                <c:pt idx="32">
                  <c:v>4.2623999999999995</c:v>
                </c:pt>
                <c:pt idx="33">
                  <c:v>4.3955999999999991</c:v>
                </c:pt>
                <c:pt idx="34">
                  <c:v>4.5287999999999995</c:v>
                </c:pt>
                <c:pt idx="35">
                  <c:v>4.6619999999999999</c:v>
                </c:pt>
                <c:pt idx="36">
                  <c:v>4.7951999999999995</c:v>
                </c:pt>
                <c:pt idx="37">
                  <c:v>4.9283999999999999</c:v>
                </c:pt>
                <c:pt idx="38">
                  <c:v>5.0615999999999994</c:v>
                </c:pt>
                <c:pt idx="39">
                  <c:v>5.194799999999999</c:v>
                </c:pt>
                <c:pt idx="40">
                  <c:v>5.3280000000000003</c:v>
                </c:pt>
                <c:pt idx="41">
                  <c:v>5.4611999999999998</c:v>
                </c:pt>
                <c:pt idx="42">
                  <c:v>5.5943999999999994</c:v>
                </c:pt>
                <c:pt idx="43">
                  <c:v>5.7275999999999998</c:v>
                </c:pt>
                <c:pt idx="44">
                  <c:v>5.8607999999999993</c:v>
                </c:pt>
                <c:pt idx="45">
                  <c:v>5.9939999999999989</c:v>
                </c:pt>
                <c:pt idx="46">
                  <c:v>6.1272000000000002</c:v>
                </c:pt>
                <c:pt idx="47">
                  <c:v>6.2603999999999997</c:v>
                </c:pt>
                <c:pt idx="48">
                  <c:v>6.3935999999999993</c:v>
                </c:pt>
                <c:pt idx="49">
                  <c:v>6.5267999999999997</c:v>
                </c:pt>
                <c:pt idx="50">
                  <c:v>6.6599999999999993</c:v>
                </c:pt>
                <c:pt idx="51">
                  <c:v>6.7931999999999997</c:v>
                </c:pt>
                <c:pt idx="52">
                  <c:v>6.9263999999999992</c:v>
                </c:pt>
                <c:pt idx="53">
                  <c:v>7.0595999999999997</c:v>
                </c:pt>
                <c:pt idx="54">
                  <c:v>7.1927999999999992</c:v>
                </c:pt>
                <c:pt idx="55">
                  <c:v>7.3259999999999987</c:v>
                </c:pt>
                <c:pt idx="56">
                  <c:v>7.4591999999999992</c:v>
                </c:pt>
                <c:pt idx="57">
                  <c:v>7.5923999999999996</c:v>
                </c:pt>
                <c:pt idx="58">
                  <c:v>7.7255999999999991</c:v>
                </c:pt>
                <c:pt idx="59">
                  <c:v>7.8587999999999996</c:v>
                </c:pt>
                <c:pt idx="60">
                  <c:v>7.9919999999999991</c:v>
                </c:pt>
                <c:pt idx="61">
                  <c:v>8.1251999999999995</c:v>
                </c:pt>
                <c:pt idx="62">
                  <c:v>8.2584</c:v>
                </c:pt>
                <c:pt idx="63">
                  <c:v>8.3915999999999986</c:v>
                </c:pt>
                <c:pt idx="64">
                  <c:v>8.524799999999999</c:v>
                </c:pt>
                <c:pt idx="65">
                  <c:v>8.6579999999999995</c:v>
                </c:pt>
                <c:pt idx="66">
                  <c:v>8.7911999999999981</c:v>
                </c:pt>
                <c:pt idx="67">
                  <c:v>8.9244000000000003</c:v>
                </c:pt>
                <c:pt idx="68">
                  <c:v>9.057599999999999</c:v>
                </c:pt>
                <c:pt idx="69">
                  <c:v>9.1907999999999994</c:v>
                </c:pt>
                <c:pt idx="70">
                  <c:v>9.3239999999999998</c:v>
                </c:pt>
                <c:pt idx="71">
                  <c:v>9.4571999999999985</c:v>
                </c:pt>
                <c:pt idx="72">
                  <c:v>9.5903999999999989</c:v>
                </c:pt>
                <c:pt idx="73">
                  <c:v>9.7235999999999994</c:v>
                </c:pt>
                <c:pt idx="74">
                  <c:v>9.8567999999999998</c:v>
                </c:pt>
                <c:pt idx="75">
                  <c:v>9.99</c:v>
                </c:pt>
                <c:pt idx="76">
                  <c:v>10.123199999999999</c:v>
                </c:pt>
                <c:pt idx="77">
                  <c:v>10.256399999999999</c:v>
                </c:pt>
                <c:pt idx="78">
                  <c:v>10.389599999999998</c:v>
                </c:pt>
                <c:pt idx="79">
                  <c:v>10.5228</c:v>
                </c:pt>
                <c:pt idx="80">
                  <c:v>10.656000000000001</c:v>
                </c:pt>
                <c:pt idx="81">
                  <c:v>10.789199999999999</c:v>
                </c:pt>
                <c:pt idx="82">
                  <c:v>10.9224</c:v>
                </c:pt>
                <c:pt idx="83">
                  <c:v>11.055599999999998</c:v>
                </c:pt>
                <c:pt idx="84">
                  <c:v>11.188799999999999</c:v>
                </c:pt>
                <c:pt idx="85">
                  <c:v>11.321999999999997</c:v>
                </c:pt>
                <c:pt idx="86">
                  <c:v>11.4552</c:v>
                </c:pt>
                <c:pt idx="87">
                  <c:v>11.5884</c:v>
                </c:pt>
                <c:pt idx="88">
                  <c:v>11.721599999999999</c:v>
                </c:pt>
                <c:pt idx="89">
                  <c:v>11.854799999999999</c:v>
                </c:pt>
                <c:pt idx="90">
                  <c:v>11.987999999999998</c:v>
                </c:pt>
                <c:pt idx="91">
                  <c:v>12.121199999999998</c:v>
                </c:pt>
                <c:pt idx="92">
                  <c:v>12.2544</c:v>
                </c:pt>
                <c:pt idx="93">
                  <c:v>12.387599999999999</c:v>
                </c:pt>
                <c:pt idx="94">
                  <c:v>12.520799999999999</c:v>
                </c:pt>
                <c:pt idx="95">
                  <c:v>12.653999999999998</c:v>
                </c:pt>
                <c:pt idx="96">
                  <c:v>12.787199999999999</c:v>
                </c:pt>
                <c:pt idx="97">
                  <c:v>12.920399999999999</c:v>
                </c:pt>
                <c:pt idx="98">
                  <c:v>13.053599999999999</c:v>
                </c:pt>
                <c:pt idx="99">
                  <c:v>13.1868</c:v>
                </c:pt>
                <c:pt idx="100">
                  <c:v>13.319999999999999</c:v>
                </c:pt>
                <c:pt idx="101">
                  <c:v>13.453199999999999</c:v>
                </c:pt>
                <c:pt idx="102">
                  <c:v>13.586399999999999</c:v>
                </c:pt>
                <c:pt idx="103">
                  <c:v>13.719599999999998</c:v>
                </c:pt>
                <c:pt idx="104">
                  <c:v>13.852799999999998</c:v>
                </c:pt>
                <c:pt idx="105">
                  <c:v>13.985999999999999</c:v>
                </c:pt>
                <c:pt idx="106">
                  <c:v>14.119199999999999</c:v>
                </c:pt>
                <c:pt idx="107">
                  <c:v>14.2524</c:v>
                </c:pt>
                <c:pt idx="108">
                  <c:v>14.385599999999998</c:v>
                </c:pt>
                <c:pt idx="109">
                  <c:v>14.518799999999999</c:v>
                </c:pt>
                <c:pt idx="110">
                  <c:v>14.651999999999997</c:v>
                </c:pt>
                <c:pt idx="111">
                  <c:v>14.7852</c:v>
                </c:pt>
                <c:pt idx="112">
                  <c:v>14.918399999999998</c:v>
                </c:pt>
                <c:pt idx="113">
                  <c:v>15.051599999999999</c:v>
                </c:pt>
                <c:pt idx="114">
                  <c:v>15.184799999999999</c:v>
                </c:pt>
                <c:pt idx="115">
                  <c:v>15.317999999999998</c:v>
                </c:pt>
                <c:pt idx="116">
                  <c:v>15.451199999999998</c:v>
                </c:pt>
                <c:pt idx="117">
                  <c:v>15.584399999999999</c:v>
                </c:pt>
                <c:pt idx="118">
                  <c:v>15.717599999999999</c:v>
                </c:pt>
                <c:pt idx="119">
                  <c:v>15.8508</c:v>
                </c:pt>
                <c:pt idx="120">
                  <c:v>15.983999999999998</c:v>
                </c:pt>
                <c:pt idx="121">
                  <c:v>16.1172</c:v>
                </c:pt>
                <c:pt idx="122">
                  <c:v>16.250399999999999</c:v>
                </c:pt>
                <c:pt idx="123">
                  <c:v>16.383599999999998</c:v>
                </c:pt>
                <c:pt idx="124">
                  <c:v>16.5168</c:v>
                </c:pt>
                <c:pt idx="125">
                  <c:v>16.649999999999999</c:v>
                </c:pt>
                <c:pt idx="126">
                  <c:v>16.783199999999997</c:v>
                </c:pt>
                <c:pt idx="127">
                  <c:v>16.916399999999999</c:v>
                </c:pt>
                <c:pt idx="128">
                  <c:v>17.049599999999998</c:v>
                </c:pt>
                <c:pt idx="129">
                  <c:v>17.1828</c:v>
                </c:pt>
                <c:pt idx="130">
                  <c:v>17.315999999999999</c:v>
                </c:pt>
                <c:pt idx="131">
                  <c:v>17.449199999999998</c:v>
                </c:pt>
                <c:pt idx="132">
                  <c:v>17.582399999999996</c:v>
                </c:pt>
                <c:pt idx="133">
                  <c:v>17.715599999999998</c:v>
                </c:pt>
                <c:pt idx="134">
                  <c:v>17.848800000000001</c:v>
                </c:pt>
                <c:pt idx="135">
                  <c:v>17.981999999999999</c:v>
                </c:pt>
                <c:pt idx="136">
                  <c:v>18.115199999999998</c:v>
                </c:pt>
                <c:pt idx="137">
                  <c:v>18.248399999999997</c:v>
                </c:pt>
                <c:pt idx="138">
                  <c:v>18.381599999999999</c:v>
                </c:pt>
                <c:pt idx="139">
                  <c:v>18.514800000000001</c:v>
                </c:pt>
                <c:pt idx="140">
                  <c:v>18.648</c:v>
                </c:pt>
                <c:pt idx="141">
                  <c:v>18.781199999999998</c:v>
                </c:pt>
                <c:pt idx="142">
                  <c:v>18.914399999999997</c:v>
                </c:pt>
                <c:pt idx="143">
                  <c:v>19.047599999999999</c:v>
                </c:pt>
                <c:pt idx="144">
                  <c:v>19.180799999999998</c:v>
                </c:pt>
                <c:pt idx="145">
                  <c:v>19.314</c:v>
                </c:pt>
                <c:pt idx="146">
                  <c:v>19.447199999999999</c:v>
                </c:pt>
                <c:pt idx="147">
                  <c:v>19.580399999999997</c:v>
                </c:pt>
                <c:pt idx="148">
                  <c:v>19.7136</c:v>
                </c:pt>
                <c:pt idx="149">
                  <c:v>19.846799999999998</c:v>
                </c:pt>
                <c:pt idx="150">
                  <c:v>19.98</c:v>
                </c:pt>
                <c:pt idx="151">
                  <c:v>20.113199999999996</c:v>
                </c:pt>
                <c:pt idx="152">
                  <c:v>20.246399999999998</c:v>
                </c:pt>
                <c:pt idx="153">
                  <c:v>20.3796</c:v>
                </c:pt>
                <c:pt idx="154">
                  <c:v>20.512799999999999</c:v>
                </c:pt>
                <c:pt idx="155">
                  <c:v>20.646000000000001</c:v>
                </c:pt>
                <c:pt idx="156">
                  <c:v>20.779199999999996</c:v>
                </c:pt>
                <c:pt idx="157">
                  <c:v>20.912399999999998</c:v>
                </c:pt>
                <c:pt idx="158">
                  <c:v>21.0456</c:v>
                </c:pt>
                <c:pt idx="159">
                  <c:v>21.178799999999999</c:v>
                </c:pt>
                <c:pt idx="160">
                  <c:v>21.312000000000001</c:v>
                </c:pt>
                <c:pt idx="161">
                  <c:v>21.445199999999996</c:v>
                </c:pt>
                <c:pt idx="162">
                  <c:v>21.578399999999998</c:v>
                </c:pt>
                <c:pt idx="163">
                  <c:v>21.711599999999997</c:v>
                </c:pt>
                <c:pt idx="164">
                  <c:v>21.844799999999999</c:v>
                </c:pt>
                <c:pt idx="165">
                  <c:v>21.977999999999998</c:v>
                </c:pt>
                <c:pt idx="166">
                  <c:v>22.111199999999997</c:v>
                </c:pt>
                <c:pt idx="167">
                  <c:v>22.244399999999999</c:v>
                </c:pt>
                <c:pt idx="168">
                  <c:v>22.377599999999997</c:v>
                </c:pt>
                <c:pt idx="169">
                  <c:v>22.5108</c:v>
                </c:pt>
                <c:pt idx="170">
                  <c:v>22.643999999999995</c:v>
                </c:pt>
                <c:pt idx="171">
                  <c:v>22.777199999999997</c:v>
                </c:pt>
                <c:pt idx="172">
                  <c:v>22.910399999999999</c:v>
                </c:pt>
                <c:pt idx="173">
                  <c:v>23.043599999999998</c:v>
                </c:pt>
                <c:pt idx="174">
                  <c:v>23.1768</c:v>
                </c:pt>
                <c:pt idx="175">
                  <c:v>23.309999999999995</c:v>
                </c:pt>
                <c:pt idx="176">
                  <c:v>23.443199999999997</c:v>
                </c:pt>
                <c:pt idx="177">
                  <c:v>23.5764</c:v>
                </c:pt>
                <c:pt idx="178">
                  <c:v>23.709599999999998</c:v>
                </c:pt>
                <c:pt idx="179">
                  <c:v>23.8428</c:v>
                </c:pt>
                <c:pt idx="180">
                  <c:v>23.975999999999996</c:v>
                </c:pt>
                <c:pt idx="181">
                  <c:v>24.109199999999998</c:v>
                </c:pt>
                <c:pt idx="182">
                  <c:v>24.242399999999996</c:v>
                </c:pt>
                <c:pt idx="183">
                  <c:v>24.375599999999999</c:v>
                </c:pt>
                <c:pt idx="184">
                  <c:v>24.508800000000001</c:v>
                </c:pt>
                <c:pt idx="185">
                  <c:v>24.641999999999996</c:v>
                </c:pt>
                <c:pt idx="186">
                  <c:v>24.775199999999998</c:v>
                </c:pt>
                <c:pt idx="187">
                  <c:v>24.908399999999997</c:v>
                </c:pt>
                <c:pt idx="188">
                  <c:v>25.041599999999999</c:v>
                </c:pt>
                <c:pt idx="189">
                  <c:v>25.174799999999998</c:v>
                </c:pt>
                <c:pt idx="190">
                  <c:v>25.307999999999996</c:v>
                </c:pt>
                <c:pt idx="191">
                  <c:v>25.441199999999998</c:v>
                </c:pt>
                <c:pt idx="192">
                  <c:v>25.574399999999997</c:v>
                </c:pt>
                <c:pt idx="193">
                  <c:v>25.707599999999999</c:v>
                </c:pt>
                <c:pt idx="194">
                  <c:v>25.840799999999998</c:v>
                </c:pt>
                <c:pt idx="195">
                  <c:v>25.973999999999997</c:v>
                </c:pt>
                <c:pt idx="196">
                  <c:v>26.107199999999999</c:v>
                </c:pt>
                <c:pt idx="197">
                  <c:v>26.240399999999998</c:v>
                </c:pt>
                <c:pt idx="198">
                  <c:v>26.3736</c:v>
                </c:pt>
                <c:pt idx="199">
                  <c:v>26.506799999999998</c:v>
                </c:pt>
                <c:pt idx="200">
                  <c:v>26.639999999999997</c:v>
                </c:pt>
                <c:pt idx="201">
                  <c:v>26.773199999999996</c:v>
                </c:pt>
                <c:pt idx="202">
                  <c:v>26.906399999999998</c:v>
                </c:pt>
                <c:pt idx="203">
                  <c:v>27.0396</c:v>
                </c:pt>
                <c:pt idx="204">
                  <c:v>27.172799999999999</c:v>
                </c:pt>
                <c:pt idx="205">
                  <c:v>27.305999999999997</c:v>
                </c:pt>
                <c:pt idx="206">
                  <c:v>27.439199999999996</c:v>
                </c:pt>
                <c:pt idx="207">
                  <c:v>27.572399999999998</c:v>
                </c:pt>
                <c:pt idx="208">
                  <c:v>27.705599999999997</c:v>
                </c:pt>
                <c:pt idx="209">
                  <c:v>27.838799999999999</c:v>
                </c:pt>
                <c:pt idx="210">
                  <c:v>27.971999999999998</c:v>
                </c:pt>
                <c:pt idx="211">
                  <c:v>28.105199999999996</c:v>
                </c:pt>
                <c:pt idx="212">
                  <c:v>28.238399999999999</c:v>
                </c:pt>
                <c:pt idx="213">
                  <c:v>28.371599999999997</c:v>
                </c:pt>
                <c:pt idx="214">
                  <c:v>28.504799999999999</c:v>
                </c:pt>
                <c:pt idx="215">
                  <c:v>28.637999999999998</c:v>
                </c:pt>
                <c:pt idx="216">
                  <c:v>28.771199999999997</c:v>
                </c:pt>
                <c:pt idx="217">
                  <c:v>28.904399999999999</c:v>
                </c:pt>
                <c:pt idx="218">
                  <c:v>29.037599999999998</c:v>
                </c:pt>
                <c:pt idx="219">
                  <c:v>29.1708</c:v>
                </c:pt>
                <c:pt idx="220">
                  <c:v>29.303999999999995</c:v>
                </c:pt>
                <c:pt idx="221">
                  <c:v>29.437199999999997</c:v>
                </c:pt>
                <c:pt idx="222">
                  <c:v>29.570399999999999</c:v>
                </c:pt>
                <c:pt idx="223">
                  <c:v>29.703599999999998</c:v>
                </c:pt>
                <c:pt idx="224">
                  <c:v>29.836799999999997</c:v>
                </c:pt>
                <c:pt idx="225">
                  <c:v>29.969999999999995</c:v>
                </c:pt>
                <c:pt idx="226">
                  <c:v>30.103199999999998</c:v>
                </c:pt>
                <c:pt idx="227">
                  <c:v>30.236399999999996</c:v>
                </c:pt>
                <c:pt idx="228">
                  <c:v>30.369599999999998</c:v>
                </c:pt>
                <c:pt idx="229">
                  <c:v>30.502799999999997</c:v>
                </c:pt>
                <c:pt idx="230">
                  <c:v>30.635999999999996</c:v>
                </c:pt>
                <c:pt idx="231">
                  <c:v>30.769199999999998</c:v>
                </c:pt>
                <c:pt idx="232">
                  <c:v>30.902399999999997</c:v>
                </c:pt>
                <c:pt idx="233">
                  <c:v>31.035599999999999</c:v>
                </c:pt>
                <c:pt idx="234">
                  <c:v>31.168799999999997</c:v>
                </c:pt>
                <c:pt idx="235">
                  <c:v>31.301999999999996</c:v>
                </c:pt>
                <c:pt idx="236">
                  <c:v>31.435199999999998</c:v>
                </c:pt>
                <c:pt idx="237">
                  <c:v>31.568399999999997</c:v>
                </c:pt>
                <c:pt idx="238">
                  <c:v>31.701599999999999</c:v>
                </c:pt>
                <c:pt idx="239">
                  <c:v>31.834799999999994</c:v>
                </c:pt>
                <c:pt idx="240">
                  <c:v>31.967999999999996</c:v>
                </c:pt>
                <c:pt idx="241">
                  <c:v>32.101199999999999</c:v>
                </c:pt>
                <c:pt idx="242">
                  <c:v>32.234400000000001</c:v>
                </c:pt>
                <c:pt idx="243">
                  <c:v>32.367599999999996</c:v>
                </c:pt>
                <c:pt idx="244">
                  <c:v>32.500799999999998</c:v>
                </c:pt>
                <c:pt idx="245">
                  <c:v>32.633999999999993</c:v>
                </c:pt>
                <c:pt idx="246">
                  <c:v>32.767199999999995</c:v>
                </c:pt>
                <c:pt idx="247">
                  <c:v>32.900399999999998</c:v>
                </c:pt>
                <c:pt idx="248">
                  <c:v>33.0336</c:v>
                </c:pt>
                <c:pt idx="249">
                  <c:v>33.166799999999995</c:v>
                </c:pt>
                <c:pt idx="250">
                  <c:v>33.299999999999997</c:v>
                </c:pt>
                <c:pt idx="251">
                  <c:v>33.433199999999999</c:v>
                </c:pt>
                <c:pt idx="252">
                  <c:v>33.566399999999994</c:v>
                </c:pt>
                <c:pt idx="253">
                  <c:v>33.699599999999997</c:v>
                </c:pt>
                <c:pt idx="254">
                  <c:v>33.832799999999999</c:v>
                </c:pt>
                <c:pt idx="255">
                  <c:v>33.966000000000001</c:v>
                </c:pt>
                <c:pt idx="256">
                  <c:v>34.099199999999996</c:v>
                </c:pt>
                <c:pt idx="257">
                  <c:v>34.232399999999991</c:v>
                </c:pt>
                <c:pt idx="258">
                  <c:v>34.365600000000001</c:v>
                </c:pt>
                <c:pt idx="259">
                  <c:v>34.498799999999996</c:v>
                </c:pt>
                <c:pt idx="260">
                  <c:v>34.631999999999998</c:v>
                </c:pt>
                <c:pt idx="261">
                  <c:v>34.7652</c:v>
                </c:pt>
                <c:pt idx="262">
                  <c:v>34.898399999999995</c:v>
                </c:pt>
                <c:pt idx="263">
                  <c:v>35.031599999999997</c:v>
                </c:pt>
                <c:pt idx="264">
                  <c:v>35.164799999999993</c:v>
                </c:pt>
                <c:pt idx="265">
                  <c:v>35.298000000000002</c:v>
                </c:pt>
                <c:pt idx="266">
                  <c:v>35.431199999999997</c:v>
                </c:pt>
                <c:pt idx="267">
                  <c:v>35.564399999999992</c:v>
                </c:pt>
                <c:pt idx="268">
                  <c:v>35.697600000000001</c:v>
                </c:pt>
                <c:pt idx="269">
                  <c:v>35.830799999999996</c:v>
                </c:pt>
                <c:pt idx="270">
                  <c:v>35.963999999999999</c:v>
                </c:pt>
                <c:pt idx="271">
                  <c:v>36.097199999999994</c:v>
                </c:pt>
                <c:pt idx="272">
                  <c:v>36.230399999999996</c:v>
                </c:pt>
                <c:pt idx="273">
                  <c:v>36.363599999999998</c:v>
                </c:pt>
                <c:pt idx="274">
                  <c:v>36.496799999999993</c:v>
                </c:pt>
                <c:pt idx="275">
                  <c:v>36.630000000000003</c:v>
                </c:pt>
                <c:pt idx="276">
                  <c:v>36.763199999999998</c:v>
                </c:pt>
                <c:pt idx="277">
                  <c:v>36.896399999999993</c:v>
                </c:pt>
                <c:pt idx="278">
                  <c:v>37.029600000000002</c:v>
                </c:pt>
                <c:pt idx="279">
                  <c:v>37.162799999999997</c:v>
                </c:pt>
                <c:pt idx="280">
                  <c:v>37.295999999999999</c:v>
                </c:pt>
                <c:pt idx="281">
                  <c:v>37.429199999999994</c:v>
                </c:pt>
                <c:pt idx="282">
                  <c:v>37.562399999999997</c:v>
                </c:pt>
                <c:pt idx="283">
                  <c:v>37.695599999999999</c:v>
                </c:pt>
                <c:pt idx="284">
                  <c:v>37.828799999999994</c:v>
                </c:pt>
                <c:pt idx="285">
                  <c:v>37.962000000000003</c:v>
                </c:pt>
                <c:pt idx="286">
                  <c:v>38.095199999999998</c:v>
                </c:pt>
                <c:pt idx="287">
                  <c:v>38.228399999999993</c:v>
                </c:pt>
                <c:pt idx="288">
                  <c:v>38.361599999999996</c:v>
                </c:pt>
                <c:pt idx="289">
                  <c:v>38.494799999999998</c:v>
                </c:pt>
                <c:pt idx="290">
                  <c:v>38.628</c:v>
                </c:pt>
                <c:pt idx="291">
                  <c:v>38.761199999999995</c:v>
                </c:pt>
                <c:pt idx="292">
                  <c:v>38.894399999999997</c:v>
                </c:pt>
                <c:pt idx="293">
                  <c:v>39.0276</c:v>
                </c:pt>
                <c:pt idx="294">
                  <c:v>39.160799999999995</c:v>
                </c:pt>
                <c:pt idx="295">
                  <c:v>39.293999999999997</c:v>
                </c:pt>
                <c:pt idx="296">
                  <c:v>39.427199999999999</c:v>
                </c:pt>
                <c:pt idx="297">
                  <c:v>39.560399999999994</c:v>
                </c:pt>
                <c:pt idx="298">
                  <c:v>39.693599999999996</c:v>
                </c:pt>
                <c:pt idx="299">
                  <c:v>39.826799999999999</c:v>
                </c:pt>
                <c:pt idx="300">
                  <c:v>39.96</c:v>
                </c:pt>
                <c:pt idx="301">
                  <c:v>40.093199999999996</c:v>
                </c:pt>
                <c:pt idx="302">
                  <c:v>40.226399999999991</c:v>
                </c:pt>
                <c:pt idx="303">
                  <c:v>40.3596</c:v>
                </c:pt>
                <c:pt idx="304">
                  <c:v>40.492799999999995</c:v>
                </c:pt>
                <c:pt idx="305">
                  <c:v>40.625999999999998</c:v>
                </c:pt>
                <c:pt idx="306">
                  <c:v>40.7592</c:v>
                </c:pt>
                <c:pt idx="307">
                  <c:v>40.892399999999995</c:v>
                </c:pt>
                <c:pt idx="308">
                  <c:v>41.025599999999997</c:v>
                </c:pt>
                <c:pt idx="309">
                  <c:v>41.158799999999992</c:v>
                </c:pt>
                <c:pt idx="310">
                  <c:v>41.292000000000002</c:v>
                </c:pt>
                <c:pt idx="311">
                  <c:v>41.425199999999997</c:v>
                </c:pt>
                <c:pt idx="312">
                  <c:v>41.558399999999992</c:v>
                </c:pt>
                <c:pt idx="313">
                  <c:v>41.691600000000001</c:v>
                </c:pt>
                <c:pt idx="314">
                  <c:v>41.824799999999996</c:v>
                </c:pt>
                <c:pt idx="315">
                  <c:v>41.957999999999998</c:v>
                </c:pt>
                <c:pt idx="316">
                  <c:v>42.091200000000001</c:v>
                </c:pt>
                <c:pt idx="317">
                  <c:v>42.224399999999996</c:v>
                </c:pt>
                <c:pt idx="318">
                  <c:v>42.357599999999998</c:v>
                </c:pt>
                <c:pt idx="319">
                  <c:v>42.490799999999993</c:v>
                </c:pt>
                <c:pt idx="320">
                  <c:v>42.624000000000002</c:v>
                </c:pt>
                <c:pt idx="321">
                  <c:v>42.757199999999997</c:v>
                </c:pt>
                <c:pt idx="322">
                  <c:v>42.890399999999993</c:v>
                </c:pt>
                <c:pt idx="323">
                  <c:v>43.023600000000002</c:v>
                </c:pt>
                <c:pt idx="324">
                  <c:v>43.156799999999997</c:v>
                </c:pt>
                <c:pt idx="325">
                  <c:v>43.289999999999992</c:v>
                </c:pt>
                <c:pt idx="326">
                  <c:v>43.423199999999994</c:v>
                </c:pt>
                <c:pt idx="327">
                  <c:v>43.556399999999996</c:v>
                </c:pt>
                <c:pt idx="328">
                  <c:v>43.689599999999999</c:v>
                </c:pt>
                <c:pt idx="329">
                  <c:v>43.822799999999994</c:v>
                </c:pt>
                <c:pt idx="330">
                  <c:v>43.955999999999996</c:v>
                </c:pt>
                <c:pt idx="331">
                  <c:v>44.089199999999998</c:v>
                </c:pt>
                <c:pt idx="332">
                  <c:v>44.222399999999993</c:v>
                </c:pt>
                <c:pt idx="333">
                  <c:v>44.355599999999995</c:v>
                </c:pt>
                <c:pt idx="334">
                  <c:v>44.488799999999998</c:v>
                </c:pt>
                <c:pt idx="335">
                  <c:v>44.621999999999993</c:v>
                </c:pt>
                <c:pt idx="336">
                  <c:v>44.755199999999995</c:v>
                </c:pt>
                <c:pt idx="337">
                  <c:v>44.888399999999997</c:v>
                </c:pt>
                <c:pt idx="338">
                  <c:v>45.021599999999999</c:v>
                </c:pt>
                <c:pt idx="339">
                  <c:v>45.154799999999994</c:v>
                </c:pt>
                <c:pt idx="340">
                  <c:v>45.28799999999999</c:v>
                </c:pt>
                <c:pt idx="341">
                  <c:v>45.421199999999999</c:v>
                </c:pt>
                <c:pt idx="342">
                  <c:v>45.554399999999994</c:v>
                </c:pt>
                <c:pt idx="343">
                  <c:v>45.687599999999996</c:v>
                </c:pt>
                <c:pt idx="344">
                  <c:v>45.820799999999998</c:v>
                </c:pt>
                <c:pt idx="345">
                  <c:v>45.953999999999994</c:v>
                </c:pt>
                <c:pt idx="346">
                  <c:v>46.087199999999996</c:v>
                </c:pt>
                <c:pt idx="347">
                  <c:v>46.220399999999991</c:v>
                </c:pt>
                <c:pt idx="348">
                  <c:v>46.3536</c:v>
                </c:pt>
                <c:pt idx="349">
                  <c:v>46.486799999999995</c:v>
                </c:pt>
                <c:pt idx="350">
                  <c:v>46.61999999999999</c:v>
                </c:pt>
                <c:pt idx="351">
                  <c:v>46.7532</c:v>
                </c:pt>
                <c:pt idx="352">
                  <c:v>46.886399999999995</c:v>
                </c:pt>
                <c:pt idx="353">
                  <c:v>47.019599999999997</c:v>
                </c:pt>
                <c:pt idx="354">
                  <c:v>47.152799999999999</c:v>
                </c:pt>
                <c:pt idx="355">
                  <c:v>47.285999999999994</c:v>
                </c:pt>
                <c:pt idx="356">
                  <c:v>47.419199999999996</c:v>
                </c:pt>
                <c:pt idx="357">
                  <c:v>47.552399999999992</c:v>
                </c:pt>
                <c:pt idx="358">
                  <c:v>47.685600000000001</c:v>
                </c:pt>
                <c:pt idx="359">
                  <c:v>47.818799999999996</c:v>
                </c:pt>
                <c:pt idx="360">
                  <c:v>47.951999999999991</c:v>
                </c:pt>
                <c:pt idx="361">
                  <c:v>48.0852</c:v>
                </c:pt>
                <c:pt idx="362">
                  <c:v>48.218399999999995</c:v>
                </c:pt>
                <c:pt idx="363">
                  <c:v>48.351599999999998</c:v>
                </c:pt>
                <c:pt idx="364">
                  <c:v>48.484799999999993</c:v>
                </c:pt>
                <c:pt idx="365">
                  <c:v>48.617999999999995</c:v>
                </c:pt>
                <c:pt idx="366">
                  <c:v>48.751199999999997</c:v>
                </c:pt>
                <c:pt idx="367">
                  <c:v>48.884399999999992</c:v>
                </c:pt>
                <c:pt idx="368">
                  <c:v>49.017600000000002</c:v>
                </c:pt>
                <c:pt idx="369">
                  <c:v>49.150799999999997</c:v>
                </c:pt>
                <c:pt idx="370">
                  <c:v>49.283999999999992</c:v>
                </c:pt>
                <c:pt idx="371">
                  <c:v>49.417199999999994</c:v>
                </c:pt>
                <c:pt idx="372">
                  <c:v>49.550399999999996</c:v>
                </c:pt>
                <c:pt idx="373">
                  <c:v>49.683599999999998</c:v>
                </c:pt>
                <c:pt idx="374">
                  <c:v>49.816799999999994</c:v>
                </c:pt>
                <c:pt idx="375">
                  <c:v>49.949999999999996</c:v>
                </c:pt>
                <c:pt idx="376">
                  <c:v>50.083199999999998</c:v>
                </c:pt>
                <c:pt idx="377">
                  <c:v>50.216399999999993</c:v>
                </c:pt>
                <c:pt idx="378">
                  <c:v>50.349599999999995</c:v>
                </c:pt>
                <c:pt idx="379">
                  <c:v>50.482799999999997</c:v>
                </c:pt>
                <c:pt idx="380">
                  <c:v>50.615999999999993</c:v>
                </c:pt>
                <c:pt idx="381">
                  <c:v>50.749199999999995</c:v>
                </c:pt>
                <c:pt idx="382">
                  <c:v>50.882399999999997</c:v>
                </c:pt>
                <c:pt idx="383">
                  <c:v>51.015599999999999</c:v>
                </c:pt>
                <c:pt idx="384">
                  <c:v>51.148799999999994</c:v>
                </c:pt>
                <c:pt idx="385">
                  <c:v>51.281999999999989</c:v>
                </c:pt>
                <c:pt idx="386">
                  <c:v>51.415199999999999</c:v>
                </c:pt>
                <c:pt idx="387">
                  <c:v>51.548399999999994</c:v>
                </c:pt>
                <c:pt idx="388">
                  <c:v>51.681599999999996</c:v>
                </c:pt>
                <c:pt idx="389">
                  <c:v>51.814799999999998</c:v>
                </c:pt>
                <c:pt idx="390">
                  <c:v>51.947999999999993</c:v>
                </c:pt>
                <c:pt idx="391">
                  <c:v>52.081199999999995</c:v>
                </c:pt>
                <c:pt idx="392">
                  <c:v>52.214399999999998</c:v>
                </c:pt>
                <c:pt idx="393">
                  <c:v>52.3476</c:v>
                </c:pt>
                <c:pt idx="394">
                  <c:v>52.480799999999995</c:v>
                </c:pt>
                <c:pt idx="395">
                  <c:v>52.61399999999999</c:v>
                </c:pt>
                <c:pt idx="396">
                  <c:v>52.747199999999999</c:v>
                </c:pt>
                <c:pt idx="397">
                  <c:v>52.880399999999995</c:v>
                </c:pt>
                <c:pt idx="398">
                  <c:v>53.013599999999997</c:v>
                </c:pt>
                <c:pt idx="399">
                  <c:v>53.146799999999999</c:v>
                </c:pt>
                <c:pt idx="400">
                  <c:v>53.279999999999994</c:v>
                </c:pt>
                <c:pt idx="401">
                  <c:v>53.413199999999996</c:v>
                </c:pt>
                <c:pt idx="402">
                  <c:v>53.546399999999991</c:v>
                </c:pt>
                <c:pt idx="403">
                  <c:v>53.679600000000001</c:v>
                </c:pt>
                <c:pt idx="404">
                  <c:v>53.812799999999996</c:v>
                </c:pt>
                <c:pt idx="405">
                  <c:v>53.945999999999991</c:v>
                </c:pt>
                <c:pt idx="406">
                  <c:v>54.0792</c:v>
                </c:pt>
                <c:pt idx="407">
                  <c:v>54.212399999999995</c:v>
                </c:pt>
                <c:pt idx="408">
                  <c:v>54.345599999999997</c:v>
                </c:pt>
                <c:pt idx="409">
                  <c:v>54.478799999999993</c:v>
                </c:pt>
                <c:pt idx="410">
                  <c:v>54.611999999999995</c:v>
                </c:pt>
                <c:pt idx="411">
                  <c:v>54.745199999999997</c:v>
                </c:pt>
                <c:pt idx="412">
                  <c:v>54.878399999999992</c:v>
                </c:pt>
                <c:pt idx="413">
                  <c:v>55.011600000000001</c:v>
                </c:pt>
                <c:pt idx="414">
                  <c:v>55.144799999999996</c:v>
                </c:pt>
                <c:pt idx="415">
                  <c:v>55.277999999999992</c:v>
                </c:pt>
                <c:pt idx="416">
                  <c:v>55.411199999999994</c:v>
                </c:pt>
                <c:pt idx="417">
                  <c:v>55.544399999999996</c:v>
                </c:pt>
                <c:pt idx="418">
                  <c:v>55.677599999999998</c:v>
                </c:pt>
                <c:pt idx="419">
                  <c:v>55.810799999999993</c:v>
                </c:pt>
                <c:pt idx="420">
                  <c:v>55.943999999999996</c:v>
                </c:pt>
                <c:pt idx="421">
                  <c:v>56.077199999999998</c:v>
                </c:pt>
                <c:pt idx="422">
                  <c:v>56.210399999999993</c:v>
                </c:pt>
                <c:pt idx="423">
                  <c:v>56.343599999999995</c:v>
                </c:pt>
                <c:pt idx="424">
                  <c:v>56.476799999999997</c:v>
                </c:pt>
                <c:pt idx="425">
                  <c:v>56.609999999999992</c:v>
                </c:pt>
                <c:pt idx="426">
                  <c:v>56.743199999999995</c:v>
                </c:pt>
                <c:pt idx="427">
                  <c:v>56.876399999999997</c:v>
                </c:pt>
                <c:pt idx="428">
                  <c:v>57.009599999999999</c:v>
                </c:pt>
                <c:pt idx="429">
                  <c:v>57.142799999999994</c:v>
                </c:pt>
                <c:pt idx="430">
                  <c:v>57.275999999999996</c:v>
                </c:pt>
                <c:pt idx="431">
                  <c:v>57.409199999999998</c:v>
                </c:pt>
                <c:pt idx="432">
                  <c:v>57.542399999999994</c:v>
                </c:pt>
                <c:pt idx="433">
                  <c:v>57.675599999999996</c:v>
                </c:pt>
                <c:pt idx="434">
                  <c:v>57.808799999999998</c:v>
                </c:pt>
                <c:pt idx="435">
                  <c:v>57.941999999999993</c:v>
                </c:pt>
                <c:pt idx="436">
                  <c:v>58.075199999999995</c:v>
                </c:pt>
                <c:pt idx="437">
                  <c:v>58.208399999999997</c:v>
                </c:pt>
                <c:pt idx="438">
                  <c:v>58.3416</c:v>
                </c:pt>
                <c:pt idx="439">
                  <c:v>58.474799999999995</c:v>
                </c:pt>
                <c:pt idx="440">
                  <c:v>58.60799999999999</c:v>
                </c:pt>
                <c:pt idx="441">
                  <c:v>58.741199999999999</c:v>
                </c:pt>
                <c:pt idx="442">
                  <c:v>58.874399999999994</c:v>
                </c:pt>
                <c:pt idx="443">
                  <c:v>59.007599999999996</c:v>
                </c:pt>
                <c:pt idx="444">
                  <c:v>59.140799999999999</c:v>
                </c:pt>
                <c:pt idx="445">
                  <c:v>59.273999999999994</c:v>
                </c:pt>
                <c:pt idx="446">
                  <c:v>59.407199999999996</c:v>
                </c:pt>
                <c:pt idx="447">
                  <c:v>59.540399999999991</c:v>
                </c:pt>
                <c:pt idx="448">
                  <c:v>59.673599999999993</c:v>
                </c:pt>
                <c:pt idx="449">
                  <c:v>59.806799999999996</c:v>
                </c:pt>
                <c:pt idx="450">
                  <c:v>59.939999999999991</c:v>
                </c:pt>
                <c:pt idx="451">
                  <c:v>60.0732</c:v>
                </c:pt>
                <c:pt idx="452">
                  <c:v>60.206399999999995</c:v>
                </c:pt>
                <c:pt idx="453">
                  <c:v>60.33959999999999</c:v>
                </c:pt>
                <c:pt idx="454">
                  <c:v>60.472799999999992</c:v>
                </c:pt>
                <c:pt idx="455">
                  <c:v>60.605999999999995</c:v>
                </c:pt>
                <c:pt idx="456">
                  <c:v>60.739199999999997</c:v>
                </c:pt>
                <c:pt idx="457">
                  <c:v>60.872399999999992</c:v>
                </c:pt>
                <c:pt idx="458">
                  <c:v>61.005599999999994</c:v>
                </c:pt>
                <c:pt idx="459">
                  <c:v>61.138799999999996</c:v>
                </c:pt>
                <c:pt idx="460">
                  <c:v>61.271999999999991</c:v>
                </c:pt>
                <c:pt idx="461">
                  <c:v>61.405199999999994</c:v>
                </c:pt>
                <c:pt idx="462">
                  <c:v>61.538399999999996</c:v>
                </c:pt>
                <c:pt idx="463">
                  <c:v>61.671599999999991</c:v>
                </c:pt>
                <c:pt idx="464">
                  <c:v>61.804799999999993</c:v>
                </c:pt>
                <c:pt idx="465">
                  <c:v>61.804799999999993</c:v>
                </c:pt>
                <c:pt idx="466">
                  <c:v>61.804799999999993</c:v>
                </c:pt>
                <c:pt idx="467">
                  <c:v>61.937999999999995</c:v>
                </c:pt>
                <c:pt idx="468">
                  <c:v>62.071199999999997</c:v>
                </c:pt>
                <c:pt idx="469">
                  <c:v>62.204399999999993</c:v>
                </c:pt>
                <c:pt idx="470">
                  <c:v>62.337599999999995</c:v>
                </c:pt>
                <c:pt idx="471">
                  <c:v>62.470799999999997</c:v>
                </c:pt>
                <c:pt idx="472">
                  <c:v>62.603999999999992</c:v>
                </c:pt>
                <c:pt idx="473">
                  <c:v>62.737199999999994</c:v>
                </c:pt>
                <c:pt idx="474">
                  <c:v>62.870399999999997</c:v>
                </c:pt>
                <c:pt idx="475">
                  <c:v>63.003599999999992</c:v>
                </c:pt>
                <c:pt idx="476">
                  <c:v>63.136799999999994</c:v>
                </c:pt>
                <c:pt idx="477">
                  <c:v>63.269999999999996</c:v>
                </c:pt>
                <c:pt idx="478">
                  <c:v>63.403199999999998</c:v>
                </c:pt>
                <c:pt idx="479">
                  <c:v>63.536399999999993</c:v>
                </c:pt>
                <c:pt idx="480">
                  <c:v>63.669599999999988</c:v>
                </c:pt>
                <c:pt idx="481">
                  <c:v>63.802799999999998</c:v>
                </c:pt>
                <c:pt idx="482">
                  <c:v>63.935999999999993</c:v>
                </c:pt>
                <c:pt idx="483">
                  <c:v>64.069199999999995</c:v>
                </c:pt>
                <c:pt idx="484">
                  <c:v>64.202399999999997</c:v>
                </c:pt>
                <c:pt idx="485">
                  <c:v>64.335599999999985</c:v>
                </c:pt>
                <c:pt idx="486">
                  <c:v>64.468800000000002</c:v>
                </c:pt>
                <c:pt idx="487">
                  <c:v>64.60199999999999</c:v>
                </c:pt>
                <c:pt idx="488">
                  <c:v>64.735199999999992</c:v>
                </c:pt>
                <c:pt idx="489">
                  <c:v>64.868399999999994</c:v>
                </c:pt>
                <c:pt idx="490">
                  <c:v>65.001599999999996</c:v>
                </c:pt>
                <c:pt idx="491">
                  <c:v>65.134799999999998</c:v>
                </c:pt>
                <c:pt idx="492">
                  <c:v>65.267999999999986</c:v>
                </c:pt>
                <c:pt idx="493">
                  <c:v>65.401200000000003</c:v>
                </c:pt>
                <c:pt idx="494">
                  <c:v>65.534399999999991</c:v>
                </c:pt>
                <c:pt idx="495">
                  <c:v>65.667599999999993</c:v>
                </c:pt>
                <c:pt idx="496">
                  <c:v>65.800799999999995</c:v>
                </c:pt>
                <c:pt idx="497">
                  <c:v>65.933999999999997</c:v>
                </c:pt>
                <c:pt idx="498">
                  <c:v>66.0672</c:v>
                </c:pt>
                <c:pt idx="499">
                  <c:v>66.200399999999988</c:v>
                </c:pt>
                <c:pt idx="500">
                  <c:v>66.33359999999999</c:v>
                </c:pt>
                <c:pt idx="501">
                  <c:v>66.466799999999992</c:v>
                </c:pt>
                <c:pt idx="502">
                  <c:v>66.599999999999994</c:v>
                </c:pt>
                <c:pt idx="503">
                  <c:v>66.733199999999997</c:v>
                </c:pt>
                <c:pt idx="504">
                  <c:v>66.866399999999999</c:v>
                </c:pt>
                <c:pt idx="505">
                  <c:v>66.999599999999987</c:v>
                </c:pt>
                <c:pt idx="506">
                  <c:v>67.132799999999989</c:v>
                </c:pt>
                <c:pt idx="507">
                  <c:v>67.266000000000005</c:v>
                </c:pt>
                <c:pt idx="508">
                  <c:v>67.399199999999993</c:v>
                </c:pt>
                <c:pt idx="509">
                  <c:v>67.532399999999996</c:v>
                </c:pt>
                <c:pt idx="510">
                  <c:v>67.665599999999998</c:v>
                </c:pt>
                <c:pt idx="511">
                  <c:v>67.798799999999986</c:v>
                </c:pt>
                <c:pt idx="512">
                  <c:v>67.932000000000002</c:v>
                </c:pt>
                <c:pt idx="513">
                  <c:v>68.06519999999999</c:v>
                </c:pt>
                <c:pt idx="514">
                  <c:v>68.198399999999992</c:v>
                </c:pt>
                <c:pt idx="515">
                  <c:v>68.331599999999995</c:v>
                </c:pt>
                <c:pt idx="516">
                  <c:v>68.464799999999983</c:v>
                </c:pt>
                <c:pt idx="517">
                  <c:v>68.597999999999999</c:v>
                </c:pt>
                <c:pt idx="518">
                  <c:v>68.731200000000001</c:v>
                </c:pt>
                <c:pt idx="519">
                  <c:v>68.864399999999989</c:v>
                </c:pt>
                <c:pt idx="520">
                  <c:v>68.997599999999991</c:v>
                </c:pt>
                <c:pt idx="521">
                  <c:v>69.130799999999994</c:v>
                </c:pt>
                <c:pt idx="522">
                  <c:v>69.263999999999996</c:v>
                </c:pt>
                <c:pt idx="523">
                  <c:v>69.397199999999998</c:v>
                </c:pt>
                <c:pt idx="524">
                  <c:v>69.5304</c:v>
                </c:pt>
                <c:pt idx="525">
                  <c:v>69.663599999999988</c:v>
                </c:pt>
                <c:pt idx="526">
                  <c:v>69.79679999999999</c:v>
                </c:pt>
                <c:pt idx="527">
                  <c:v>69.930000000000007</c:v>
                </c:pt>
                <c:pt idx="528">
                  <c:v>70.063199999999995</c:v>
                </c:pt>
                <c:pt idx="529">
                  <c:v>70.196399999999997</c:v>
                </c:pt>
                <c:pt idx="530">
                  <c:v>70.329599999999985</c:v>
                </c:pt>
                <c:pt idx="531">
                  <c:v>70.462799999999987</c:v>
                </c:pt>
                <c:pt idx="532">
                  <c:v>70.596000000000004</c:v>
                </c:pt>
                <c:pt idx="533">
                  <c:v>70.729199999999992</c:v>
                </c:pt>
                <c:pt idx="534">
                  <c:v>70.862399999999994</c:v>
                </c:pt>
                <c:pt idx="535">
                  <c:v>70.995599999999996</c:v>
                </c:pt>
                <c:pt idx="536">
                  <c:v>71.128799999999984</c:v>
                </c:pt>
                <c:pt idx="537">
                  <c:v>71.262</c:v>
                </c:pt>
                <c:pt idx="538">
                  <c:v>71.395200000000003</c:v>
                </c:pt>
                <c:pt idx="539">
                  <c:v>71.528399999999991</c:v>
                </c:pt>
                <c:pt idx="540">
                  <c:v>71.661599999999993</c:v>
                </c:pt>
                <c:pt idx="541">
                  <c:v>71.794799999999995</c:v>
                </c:pt>
                <c:pt idx="542">
                  <c:v>71.927999999999997</c:v>
                </c:pt>
                <c:pt idx="543">
                  <c:v>72.061199999999999</c:v>
                </c:pt>
                <c:pt idx="544">
                  <c:v>72.194399999999987</c:v>
                </c:pt>
                <c:pt idx="545">
                  <c:v>72.32759999999999</c:v>
                </c:pt>
                <c:pt idx="546">
                  <c:v>72.460799999999992</c:v>
                </c:pt>
                <c:pt idx="547">
                  <c:v>72.593999999999994</c:v>
                </c:pt>
                <c:pt idx="548">
                  <c:v>72.727199999999996</c:v>
                </c:pt>
                <c:pt idx="549">
                  <c:v>72.860399999999998</c:v>
                </c:pt>
                <c:pt idx="550">
                  <c:v>72.993599999999986</c:v>
                </c:pt>
                <c:pt idx="551">
                  <c:v>73.126799999999989</c:v>
                </c:pt>
                <c:pt idx="552">
                  <c:v>73.260000000000005</c:v>
                </c:pt>
                <c:pt idx="553">
                  <c:v>73.393199999999993</c:v>
                </c:pt>
                <c:pt idx="554">
                  <c:v>73.526399999999995</c:v>
                </c:pt>
                <c:pt idx="555">
                  <c:v>73.659599999999998</c:v>
                </c:pt>
                <c:pt idx="556">
                  <c:v>73.792799999999986</c:v>
                </c:pt>
                <c:pt idx="557">
                  <c:v>73.926000000000002</c:v>
                </c:pt>
                <c:pt idx="558">
                  <c:v>74.059200000000004</c:v>
                </c:pt>
                <c:pt idx="559">
                  <c:v>74.192399999999992</c:v>
                </c:pt>
                <c:pt idx="560">
                  <c:v>74.325599999999994</c:v>
                </c:pt>
                <c:pt idx="561">
                  <c:v>74.458799999999982</c:v>
                </c:pt>
                <c:pt idx="562">
                  <c:v>74.591999999999999</c:v>
                </c:pt>
                <c:pt idx="563">
                  <c:v>74.725200000000001</c:v>
                </c:pt>
                <c:pt idx="564">
                  <c:v>74.858399999999989</c:v>
                </c:pt>
                <c:pt idx="565">
                  <c:v>74.991599999999991</c:v>
                </c:pt>
                <c:pt idx="566">
                  <c:v>75.124799999999993</c:v>
                </c:pt>
                <c:pt idx="567">
                  <c:v>75.257999999999996</c:v>
                </c:pt>
                <c:pt idx="568">
                  <c:v>75.391199999999998</c:v>
                </c:pt>
                <c:pt idx="569">
                  <c:v>75.5244</c:v>
                </c:pt>
                <c:pt idx="570">
                  <c:v>75.657599999999988</c:v>
                </c:pt>
                <c:pt idx="571">
                  <c:v>75.79079999999999</c:v>
                </c:pt>
                <c:pt idx="572">
                  <c:v>75.924000000000007</c:v>
                </c:pt>
                <c:pt idx="573">
                  <c:v>76.057199999999995</c:v>
                </c:pt>
                <c:pt idx="574">
                  <c:v>76.190399999999997</c:v>
                </c:pt>
                <c:pt idx="575">
                  <c:v>76.323599999999985</c:v>
                </c:pt>
                <c:pt idx="576">
                  <c:v>76.456799999999987</c:v>
                </c:pt>
                <c:pt idx="577">
                  <c:v>76.59</c:v>
                </c:pt>
                <c:pt idx="578">
                  <c:v>76.723199999999991</c:v>
                </c:pt>
                <c:pt idx="579">
                  <c:v>76.856399999999994</c:v>
                </c:pt>
                <c:pt idx="580">
                  <c:v>76.989599999999996</c:v>
                </c:pt>
                <c:pt idx="581">
                  <c:v>77.122799999999984</c:v>
                </c:pt>
                <c:pt idx="582">
                  <c:v>77.256</c:v>
                </c:pt>
                <c:pt idx="583">
                  <c:v>77.389200000000002</c:v>
                </c:pt>
                <c:pt idx="584">
                  <c:v>77.52239999999999</c:v>
                </c:pt>
                <c:pt idx="585">
                  <c:v>77.655599999999993</c:v>
                </c:pt>
                <c:pt idx="586">
                  <c:v>77.788799999999995</c:v>
                </c:pt>
                <c:pt idx="587">
                  <c:v>77.921999999999997</c:v>
                </c:pt>
                <c:pt idx="588">
                  <c:v>78.055199999999999</c:v>
                </c:pt>
                <c:pt idx="589">
                  <c:v>78.188399999999987</c:v>
                </c:pt>
                <c:pt idx="590">
                  <c:v>78.321599999999989</c:v>
                </c:pt>
                <c:pt idx="591">
                  <c:v>78.454799999999992</c:v>
                </c:pt>
                <c:pt idx="592">
                  <c:v>78.587999999999994</c:v>
                </c:pt>
                <c:pt idx="593">
                  <c:v>78.721199999999996</c:v>
                </c:pt>
                <c:pt idx="594">
                  <c:v>78.854399999999998</c:v>
                </c:pt>
                <c:pt idx="595">
                  <c:v>78.987599999999986</c:v>
                </c:pt>
                <c:pt idx="596">
                  <c:v>79.120799999999988</c:v>
                </c:pt>
                <c:pt idx="597">
                  <c:v>79.254000000000005</c:v>
                </c:pt>
                <c:pt idx="598">
                  <c:v>79.387199999999993</c:v>
                </c:pt>
                <c:pt idx="599">
                  <c:v>79.520399999999995</c:v>
                </c:pt>
                <c:pt idx="600">
                  <c:v>79.653599999999997</c:v>
                </c:pt>
                <c:pt idx="601">
                  <c:v>79.786799999999985</c:v>
                </c:pt>
                <c:pt idx="602">
                  <c:v>79.92</c:v>
                </c:pt>
                <c:pt idx="603">
                  <c:v>80.053200000000004</c:v>
                </c:pt>
                <c:pt idx="604">
                  <c:v>80.186399999999992</c:v>
                </c:pt>
                <c:pt idx="605">
                  <c:v>80.319599999999994</c:v>
                </c:pt>
                <c:pt idx="606">
                  <c:v>80.452799999999982</c:v>
                </c:pt>
                <c:pt idx="607">
                  <c:v>80.585999999999999</c:v>
                </c:pt>
                <c:pt idx="608">
                  <c:v>80.719200000000001</c:v>
                </c:pt>
                <c:pt idx="609">
                  <c:v>80.852399999999989</c:v>
                </c:pt>
                <c:pt idx="610">
                  <c:v>80.985599999999991</c:v>
                </c:pt>
                <c:pt idx="611">
                  <c:v>81.118799999999993</c:v>
                </c:pt>
                <c:pt idx="612">
                  <c:v>81.251999999999995</c:v>
                </c:pt>
                <c:pt idx="613">
                  <c:v>81.385199999999998</c:v>
                </c:pt>
                <c:pt idx="614">
                  <c:v>81.5184</c:v>
                </c:pt>
                <c:pt idx="615">
                  <c:v>81.651599999999988</c:v>
                </c:pt>
                <c:pt idx="616">
                  <c:v>81.78479999999999</c:v>
                </c:pt>
                <c:pt idx="617">
                  <c:v>81.918000000000006</c:v>
                </c:pt>
                <c:pt idx="618">
                  <c:v>82.051199999999994</c:v>
                </c:pt>
                <c:pt idx="619">
                  <c:v>82.184399999999997</c:v>
                </c:pt>
                <c:pt idx="620">
                  <c:v>82.317599999999985</c:v>
                </c:pt>
                <c:pt idx="621">
                  <c:v>82.450799999999987</c:v>
                </c:pt>
                <c:pt idx="622">
                  <c:v>82.584000000000003</c:v>
                </c:pt>
                <c:pt idx="623">
                  <c:v>82.717199999999991</c:v>
                </c:pt>
                <c:pt idx="624">
                  <c:v>82.850399999999993</c:v>
                </c:pt>
                <c:pt idx="625">
                  <c:v>82.983599999999996</c:v>
                </c:pt>
                <c:pt idx="626">
                  <c:v>83.116799999999984</c:v>
                </c:pt>
                <c:pt idx="627">
                  <c:v>83.25</c:v>
                </c:pt>
                <c:pt idx="628">
                  <c:v>83.383200000000002</c:v>
                </c:pt>
                <c:pt idx="629">
                  <c:v>83.51639999999999</c:v>
                </c:pt>
                <c:pt idx="630">
                  <c:v>83.649599999999992</c:v>
                </c:pt>
                <c:pt idx="631">
                  <c:v>83.782799999999995</c:v>
                </c:pt>
                <c:pt idx="632">
                  <c:v>83.915999999999997</c:v>
                </c:pt>
                <c:pt idx="633">
                  <c:v>84.049199999999999</c:v>
                </c:pt>
                <c:pt idx="634">
                  <c:v>84.182400000000001</c:v>
                </c:pt>
                <c:pt idx="635">
                  <c:v>84.315599999999989</c:v>
                </c:pt>
                <c:pt idx="636">
                  <c:v>84.448799999999991</c:v>
                </c:pt>
                <c:pt idx="637">
                  <c:v>84.581999999999994</c:v>
                </c:pt>
                <c:pt idx="638">
                  <c:v>84.715199999999996</c:v>
                </c:pt>
                <c:pt idx="639">
                  <c:v>84.848399999999998</c:v>
                </c:pt>
                <c:pt idx="640">
                  <c:v>84.981599999999986</c:v>
                </c:pt>
                <c:pt idx="641">
                  <c:v>85.114799999999988</c:v>
                </c:pt>
                <c:pt idx="642">
                  <c:v>85.248000000000005</c:v>
                </c:pt>
                <c:pt idx="643">
                  <c:v>85.381199999999993</c:v>
                </c:pt>
                <c:pt idx="644">
                  <c:v>85.514399999999995</c:v>
                </c:pt>
                <c:pt idx="645">
                  <c:v>85.647599999999997</c:v>
                </c:pt>
                <c:pt idx="646">
                  <c:v>85.780799999999985</c:v>
                </c:pt>
                <c:pt idx="647">
                  <c:v>85.913999999999987</c:v>
                </c:pt>
                <c:pt idx="648">
                  <c:v>86.047200000000004</c:v>
                </c:pt>
                <c:pt idx="649">
                  <c:v>86.180399999999992</c:v>
                </c:pt>
                <c:pt idx="650">
                  <c:v>86.313599999999994</c:v>
                </c:pt>
                <c:pt idx="651">
                  <c:v>86.446799999999982</c:v>
                </c:pt>
                <c:pt idx="652">
                  <c:v>86.579999999999984</c:v>
                </c:pt>
                <c:pt idx="653">
                  <c:v>86.713200000000001</c:v>
                </c:pt>
                <c:pt idx="654">
                  <c:v>86.846399999999988</c:v>
                </c:pt>
                <c:pt idx="655">
                  <c:v>86.979599999999991</c:v>
                </c:pt>
                <c:pt idx="656">
                  <c:v>87.112799999999993</c:v>
                </c:pt>
                <c:pt idx="657">
                  <c:v>87.245999999999981</c:v>
                </c:pt>
                <c:pt idx="658">
                  <c:v>87.379199999999997</c:v>
                </c:pt>
                <c:pt idx="659">
                  <c:v>87.5124</c:v>
                </c:pt>
                <c:pt idx="660">
                  <c:v>87.645599999999988</c:v>
                </c:pt>
                <c:pt idx="661">
                  <c:v>87.77879999999999</c:v>
                </c:pt>
                <c:pt idx="662">
                  <c:v>87.911999999999992</c:v>
                </c:pt>
                <c:pt idx="663">
                  <c:v>88.045199999999994</c:v>
                </c:pt>
                <c:pt idx="664">
                  <c:v>88.178399999999996</c:v>
                </c:pt>
                <c:pt idx="665">
                  <c:v>88.311599999999984</c:v>
                </c:pt>
                <c:pt idx="666">
                  <c:v>88.444799999999987</c:v>
                </c:pt>
                <c:pt idx="667">
                  <c:v>88.577999999999989</c:v>
                </c:pt>
                <c:pt idx="668">
                  <c:v>88.711199999999991</c:v>
                </c:pt>
                <c:pt idx="669">
                  <c:v>88.844399999999993</c:v>
                </c:pt>
                <c:pt idx="670">
                  <c:v>88.977599999999995</c:v>
                </c:pt>
                <c:pt idx="671">
                  <c:v>89.110799999999983</c:v>
                </c:pt>
                <c:pt idx="672">
                  <c:v>89.243999999999986</c:v>
                </c:pt>
                <c:pt idx="673">
                  <c:v>89.377200000000002</c:v>
                </c:pt>
                <c:pt idx="674">
                  <c:v>89.51039999999999</c:v>
                </c:pt>
                <c:pt idx="675">
                  <c:v>89.643599999999992</c:v>
                </c:pt>
                <c:pt idx="676">
                  <c:v>89.776799999999994</c:v>
                </c:pt>
                <c:pt idx="677">
                  <c:v>89.909999999999982</c:v>
                </c:pt>
                <c:pt idx="678">
                  <c:v>90.043199999999999</c:v>
                </c:pt>
                <c:pt idx="679">
                  <c:v>90.176400000000001</c:v>
                </c:pt>
                <c:pt idx="680">
                  <c:v>90.309599999999989</c:v>
                </c:pt>
                <c:pt idx="681">
                  <c:v>90.442799999999991</c:v>
                </c:pt>
                <c:pt idx="682">
                  <c:v>90.575999999999979</c:v>
                </c:pt>
                <c:pt idx="683">
                  <c:v>90.709199999999996</c:v>
                </c:pt>
                <c:pt idx="684">
                  <c:v>90.842399999999998</c:v>
                </c:pt>
                <c:pt idx="685">
                  <c:v>90.975599999999986</c:v>
                </c:pt>
                <c:pt idx="686">
                  <c:v>91.108799999999988</c:v>
                </c:pt>
                <c:pt idx="687">
                  <c:v>91.24199999999999</c:v>
                </c:pt>
                <c:pt idx="688">
                  <c:v>91.375199999999992</c:v>
                </c:pt>
                <c:pt idx="689">
                  <c:v>91.508399999999995</c:v>
                </c:pt>
                <c:pt idx="690">
                  <c:v>91.641599999999997</c:v>
                </c:pt>
                <c:pt idx="691">
                  <c:v>91.774799999999985</c:v>
                </c:pt>
                <c:pt idx="692">
                  <c:v>91.907999999999987</c:v>
                </c:pt>
                <c:pt idx="693">
                  <c:v>92.041200000000003</c:v>
                </c:pt>
                <c:pt idx="694">
                  <c:v>92.174399999999991</c:v>
                </c:pt>
                <c:pt idx="695">
                  <c:v>92.307599999999994</c:v>
                </c:pt>
                <c:pt idx="696">
                  <c:v>92.440799999999982</c:v>
                </c:pt>
                <c:pt idx="697">
                  <c:v>92.573999999999984</c:v>
                </c:pt>
                <c:pt idx="698">
                  <c:v>92.7072</c:v>
                </c:pt>
                <c:pt idx="699">
                  <c:v>92.840399999999988</c:v>
                </c:pt>
                <c:pt idx="700">
                  <c:v>92.97359999999999</c:v>
                </c:pt>
                <c:pt idx="701">
                  <c:v>93.106799999999993</c:v>
                </c:pt>
                <c:pt idx="702">
                  <c:v>93.239999999999981</c:v>
                </c:pt>
                <c:pt idx="703">
                  <c:v>93.373199999999997</c:v>
                </c:pt>
                <c:pt idx="704">
                  <c:v>93.506399999999999</c:v>
                </c:pt>
                <c:pt idx="705">
                  <c:v>93.639599999999987</c:v>
                </c:pt>
                <c:pt idx="706">
                  <c:v>93.772799999999989</c:v>
                </c:pt>
                <c:pt idx="707">
                  <c:v>93.905999999999992</c:v>
                </c:pt>
                <c:pt idx="708">
                  <c:v>94.039199999999994</c:v>
                </c:pt>
                <c:pt idx="709">
                  <c:v>94.172399999999996</c:v>
                </c:pt>
                <c:pt idx="710">
                  <c:v>94.305599999999998</c:v>
                </c:pt>
                <c:pt idx="711">
                  <c:v>94.438799999999986</c:v>
                </c:pt>
                <c:pt idx="712">
                  <c:v>94.571999999999989</c:v>
                </c:pt>
                <c:pt idx="713">
                  <c:v>94.705199999999991</c:v>
                </c:pt>
                <c:pt idx="714">
                  <c:v>94.838399999999993</c:v>
                </c:pt>
                <c:pt idx="715">
                  <c:v>94.971599999999995</c:v>
                </c:pt>
                <c:pt idx="716">
                  <c:v>95.104799999999983</c:v>
                </c:pt>
                <c:pt idx="717">
                  <c:v>95.237999999999985</c:v>
                </c:pt>
                <c:pt idx="718">
                  <c:v>95.371200000000002</c:v>
                </c:pt>
                <c:pt idx="719">
                  <c:v>95.50439999999999</c:v>
                </c:pt>
                <c:pt idx="720">
                  <c:v>95.637599999999992</c:v>
                </c:pt>
                <c:pt idx="721">
                  <c:v>95.770799999999994</c:v>
                </c:pt>
                <c:pt idx="722">
                  <c:v>95.903999999999982</c:v>
                </c:pt>
                <c:pt idx="723">
                  <c:v>96.037199999999999</c:v>
                </c:pt>
                <c:pt idx="724">
                  <c:v>96.170400000000001</c:v>
                </c:pt>
                <c:pt idx="725">
                  <c:v>96.303599999999989</c:v>
                </c:pt>
                <c:pt idx="726">
                  <c:v>96.436799999999991</c:v>
                </c:pt>
                <c:pt idx="727">
                  <c:v>96.569999999999979</c:v>
                </c:pt>
                <c:pt idx="728">
                  <c:v>96.703199999999995</c:v>
                </c:pt>
                <c:pt idx="729">
                  <c:v>96.836399999999998</c:v>
                </c:pt>
                <c:pt idx="730">
                  <c:v>96.969599999999986</c:v>
                </c:pt>
                <c:pt idx="731">
                  <c:v>97.102799999999988</c:v>
                </c:pt>
                <c:pt idx="732">
                  <c:v>97.23599999999999</c:v>
                </c:pt>
                <c:pt idx="733">
                  <c:v>97.369199999999992</c:v>
                </c:pt>
                <c:pt idx="734">
                  <c:v>97.502399999999994</c:v>
                </c:pt>
                <c:pt idx="735">
                  <c:v>97.635599999999997</c:v>
                </c:pt>
                <c:pt idx="736">
                  <c:v>97.768799999999985</c:v>
                </c:pt>
                <c:pt idx="737">
                  <c:v>97.901999999999987</c:v>
                </c:pt>
                <c:pt idx="738">
                  <c:v>98.035200000000003</c:v>
                </c:pt>
                <c:pt idx="739">
                  <c:v>98.168399999999991</c:v>
                </c:pt>
                <c:pt idx="740">
                  <c:v>98.301599999999993</c:v>
                </c:pt>
                <c:pt idx="741">
                  <c:v>98.434799999999981</c:v>
                </c:pt>
                <c:pt idx="742">
                  <c:v>98.567999999999984</c:v>
                </c:pt>
                <c:pt idx="743">
                  <c:v>98.7012</c:v>
                </c:pt>
                <c:pt idx="744">
                  <c:v>98.834399999999988</c:v>
                </c:pt>
                <c:pt idx="745">
                  <c:v>98.834399999999988</c:v>
                </c:pt>
                <c:pt idx="746">
                  <c:v>98.96759999999999</c:v>
                </c:pt>
                <c:pt idx="747">
                  <c:v>99.100799999999992</c:v>
                </c:pt>
                <c:pt idx="748">
                  <c:v>99.23399999999998</c:v>
                </c:pt>
                <c:pt idx="749">
                  <c:v>99.367199999999997</c:v>
                </c:pt>
                <c:pt idx="750">
                  <c:v>99.500399999999999</c:v>
                </c:pt>
                <c:pt idx="751">
                  <c:v>99.633599999999987</c:v>
                </c:pt>
                <c:pt idx="752">
                  <c:v>98.834399999999988</c:v>
                </c:pt>
                <c:pt idx="753">
                  <c:v>98.96759999999999</c:v>
                </c:pt>
                <c:pt idx="754">
                  <c:v>99.100799999999992</c:v>
                </c:pt>
                <c:pt idx="755">
                  <c:v>98.834399999999988</c:v>
                </c:pt>
                <c:pt idx="756">
                  <c:v>98.96759999999999</c:v>
                </c:pt>
                <c:pt idx="757">
                  <c:v>99.100799999999992</c:v>
                </c:pt>
                <c:pt idx="758">
                  <c:v>99.23399999999998</c:v>
                </c:pt>
                <c:pt idx="759">
                  <c:v>99.367199999999997</c:v>
                </c:pt>
                <c:pt idx="760">
                  <c:v>99.500399999999999</c:v>
                </c:pt>
                <c:pt idx="761">
                  <c:v>99.633599999999987</c:v>
                </c:pt>
                <c:pt idx="762">
                  <c:v>99.766799999999989</c:v>
                </c:pt>
                <c:pt idx="763">
                  <c:v>99.899999999999991</c:v>
                </c:pt>
                <c:pt idx="764">
                  <c:v>100.03319999999999</c:v>
                </c:pt>
                <c:pt idx="765">
                  <c:v>100.1664</c:v>
                </c:pt>
                <c:pt idx="766">
                  <c:v>100.2996</c:v>
                </c:pt>
                <c:pt idx="767">
                  <c:v>100.43279999999999</c:v>
                </c:pt>
                <c:pt idx="768">
                  <c:v>100.56599999999999</c:v>
                </c:pt>
                <c:pt idx="769">
                  <c:v>100.69919999999999</c:v>
                </c:pt>
                <c:pt idx="770">
                  <c:v>100.83239999999999</c:v>
                </c:pt>
                <c:pt idx="771">
                  <c:v>100.96559999999999</c:v>
                </c:pt>
                <c:pt idx="772">
                  <c:v>101.09879999999998</c:v>
                </c:pt>
                <c:pt idx="773">
                  <c:v>101.23199999999999</c:v>
                </c:pt>
                <c:pt idx="774">
                  <c:v>101.3652</c:v>
                </c:pt>
                <c:pt idx="775">
                  <c:v>101.49839999999999</c:v>
                </c:pt>
                <c:pt idx="776">
                  <c:v>101.63159999999999</c:v>
                </c:pt>
                <c:pt idx="777">
                  <c:v>101.76479999999999</c:v>
                </c:pt>
                <c:pt idx="778">
                  <c:v>101.89799999999998</c:v>
                </c:pt>
                <c:pt idx="779">
                  <c:v>102.0312</c:v>
                </c:pt>
                <c:pt idx="780">
                  <c:v>102.1644</c:v>
                </c:pt>
                <c:pt idx="781">
                  <c:v>102.29759999999999</c:v>
                </c:pt>
                <c:pt idx="782">
                  <c:v>102.43079999999999</c:v>
                </c:pt>
                <c:pt idx="783">
                  <c:v>102.56399999999998</c:v>
                </c:pt>
                <c:pt idx="784">
                  <c:v>102.6972</c:v>
                </c:pt>
                <c:pt idx="785">
                  <c:v>102.8304</c:v>
                </c:pt>
                <c:pt idx="786">
                  <c:v>102.96359999999999</c:v>
                </c:pt>
                <c:pt idx="787">
                  <c:v>103.09679999999999</c:v>
                </c:pt>
                <c:pt idx="788">
                  <c:v>103.22999999999999</c:v>
                </c:pt>
                <c:pt idx="789">
                  <c:v>103.36319999999999</c:v>
                </c:pt>
                <c:pt idx="790">
                  <c:v>103.49639999999999</c:v>
                </c:pt>
                <c:pt idx="791">
                  <c:v>103.6296</c:v>
                </c:pt>
                <c:pt idx="792">
                  <c:v>103.76279999999998</c:v>
                </c:pt>
                <c:pt idx="793">
                  <c:v>103.89599999999999</c:v>
                </c:pt>
                <c:pt idx="794">
                  <c:v>104.0292</c:v>
                </c:pt>
                <c:pt idx="795">
                  <c:v>104.16239999999999</c:v>
                </c:pt>
                <c:pt idx="796">
                  <c:v>104.29559999999999</c:v>
                </c:pt>
                <c:pt idx="797">
                  <c:v>104.4288</c:v>
                </c:pt>
                <c:pt idx="798">
                  <c:v>104.56199999999998</c:v>
                </c:pt>
                <c:pt idx="799">
                  <c:v>104.6952</c:v>
                </c:pt>
                <c:pt idx="800">
                  <c:v>104.82839999999999</c:v>
                </c:pt>
                <c:pt idx="801">
                  <c:v>104.96159999999999</c:v>
                </c:pt>
                <c:pt idx="802">
                  <c:v>105.09479999999999</c:v>
                </c:pt>
                <c:pt idx="803">
                  <c:v>105.22799999999998</c:v>
                </c:pt>
                <c:pt idx="804">
                  <c:v>105.3612</c:v>
                </c:pt>
                <c:pt idx="805">
                  <c:v>105.4944</c:v>
                </c:pt>
                <c:pt idx="806">
                  <c:v>105.62759999999999</c:v>
                </c:pt>
                <c:pt idx="807">
                  <c:v>105.76079999999999</c:v>
                </c:pt>
                <c:pt idx="808">
                  <c:v>105.89399999999999</c:v>
                </c:pt>
                <c:pt idx="809">
                  <c:v>106.02719999999999</c:v>
                </c:pt>
                <c:pt idx="810">
                  <c:v>106.1604</c:v>
                </c:pt>
                <c:pt idx="811">
                  <c:v>106.2936</c:v>
                </c:pt>
                <c:pt idx="812">
                  <c:v>106.42679999999999</c:v>
                </c:pt>
                <c:pt idx="813">
                  <c:v>106.55999999999999</c:v>
                </c:pt>
                <c:pt idx="814">
                  <c:v>106.69319999999999</c:v>
                </c:pt>
                <c:pt idx="815">
                  <c:v>106.82639999999999</c:v>
                </c:pt>
                <c:pt idx="816">
                  <c:v>106.95959999999999</c:v>
                </c:pt>
                <c:pt idx="817">
                  <c:v>107.09279999999998</c:v>
                </c:pt>
                <c:pt idx="818">
                  <c:v>107.22599999999998</c:v>
                </c:pt>
                <c:pt idx="819">
                  <c:v>107.3592</c:v>
                </c:pt>
                <c:pt idx="820">
                  <c:v>107.49239999999999</c:v>
                </c:pt>
                <c:pt idx="821">
                  <c:v>107.62559999999999</c:v>
                </c:pt>
                <c:pt idx="822">
                  <c:v>107.75879999999999</c:v>
                </c:pt>
                <c:pt idx="823">
                  <c:v>107.89199999999998</c:v>
                </c:pt>
                <c:pt idx="824">
                  <c:v>108.0252</c:v>
                </c:pt>
                <c:pt idx="825">
                  <c:v>108.1584</c:v>
                </c:pt>
                <c:pt idx="826">
                  <c:v>108.29159999999999</c:v>
                </c:pt>
                <c:pt idx="827">
                  <c:v>108.42479999999999</c:v>
                </c:pt>
                <c:pt idx="828">
                  <c:v>108.55799999999998</c:v>
                </c:pt>
                <c:pt idx="829">
                  <c:v>108.69119999999999</c:v>
                </c:pt>
                <c:pt idx="830">
                  <c:v>108.8244</c:v>
                </c:pt>
                <c:pt idx="831">
                  <c:v>108.95759999999999</c:v>
                </c:pt>
                <c:pt idx="832">
                  <c:v>109.09079999999999</c:v>
                </c:pt>
                <c:pt idx="833">
                  <c:v>109.22399999999999</c:v>
                </c:pt>
                <c:pt idx="834">
                  <c:v>109.35719999999999</c:v>
                </c:pt>
                <c:pt idx="835">
                  <c:v>109.49039999999999</c:v>
                </c:pt>
                <c:pt idx="836">
                  <c:v>109.6236</c:v>
                </c:pt>
                <c:pt idx="837">
                  <c:v>109.75679999999998</c:v>
                </c:pt>
                <c:pt idx="838">
                  <c:v>109.88999999999999</c:v>
                </c:pt>
                <c:pt idx="839">
                  <c:v>110.0232</c:v>
                </c:pt>
                <c:pt idx="840">
                  <c:v>110.15639999999999</c:v>
                </c:pt>
                <c:pt idx="841">
                  <c:v>110.28959999999999</c:v>
                </c:pt>
                <c:pt idx="842">
                  <c:v>110.4228</c:v>
                </c:pt>
                <c:pt idx="843">
                  <c:v>110.55599999999998</c:v>
                </c:pt>
                <c:pt idx="844">
                  <c:v>110.6892</c:v>
                </c:pt>
                <c:pt idx="845">
                  <c:v>110.82239999999999</c:v>
                </c:pt>
                <c:pt idx="846">
                  <c:v>110.95559999999999</c:v>
                </c:pt>
                <c:pt idx="847">
                  <c:v>111.08879999999999</c:v>
                </c:pt>
                <c:pt idx="848">
                  <c:v>111.22199999999998</c:v>
                </c:pt>
                <c:pt idx="849">
                  <c:v>111.3552</c:v>
                </c:pt>
                <c:pt idx="850">
                  <c:v>111.4884</c:v>
                </c:pt>
                <c:pt idx="851">
                  <c:v>111.62159999999999</c:v>
                </c:pt>
                <c:pt idx="852">
                  <c:v>111.75479999999999</c:v>
                </c:pt>
                <c:pt idx="853">
                  <c:v>111.88799999999999</c:v>
                </c:pt>
                <c:pt idx="854">
                  <c:v>112.02119999999999</c:v>
                </c:pt>
                <c:pt idx="855">
                  <c:v>112.1544</c:v>
                </c:pt>
                <c:pt idx="856">
                  <c:v>112.2876</c:v>
                </c:pt>
                <c:pt idx="857">
                  <c:v>112.42079999999999</c:v>
                </c:pt>
                <c:pt idx="858">
                  <c:v>112.55399999999999</c:v>
                </c:pt>
                <c:pt idx="859">
                  <c:v>112.68719999999999</c:v>
                </c:pt>
                <c:pt idx="860">
                  <c:v>112.82039999999999</c:v>
                </c:pt>
                <c:pt idx="861">
                  <c:v>112.95359999999999</c:v>
                </c:pt>
                <c:pt idx="862">
                  <c:v>113.08679999999998</c:v>
                </c:pt>
                <c:pt idx="863">
                  <c:v>113.21999999999998</c:v>
                </c:pt>
                <c:pt idx="864">
                  <c:v>113.3532</c:v>
                </c:pt>
                <c:pt idx="865">
                  <c:v>113.48639999999999</c:v>
                </c:pt>
                <c:pt idx="866">
                  <c:v>113.61959999999999</c:v>
                </c:pt>
                <c:pt idx="867">
                  <c:v>113.75279999999999</c:v>
                </c:pt>
                <c:pt idx="868">
                  <c:v>113.88599999999998</c:v>
                </c:pt>
                <c:pt idx="869">
                  <c:v>114.0192</c:v>
                </c:pt>
                <c:pt idx="870">
                  <c:v>114.1524</c:v>
                </c:pt>
                <c:pt idx="871">
                  <c:v>114.28559999999999</c:v>
                </c:pt>
                <c:pt idx="872">
                  <c:v>114.41879999999999</c:v>
                </c:pt>
                <c:pt idx="873">
                  <c:v>114.55199999999999</c:v>
                </c:pt>
                <c:pt idx="874">
                  <c:v>114.68519999999999</c:v>
                </c:pt>
                <c:pt idx="875">
                  <c:v>114.8184</c:v>
                </c:pt>
                <c:pt idx="876">
                  <c:v>114.95159999999998</c:v>
                </c:pt>
                <c:pt idx="877">
                  <c:v>115.08479999999999</c:v>
                </c:pt>
                <c:pt idx="878">
                  <c:v>115.21799999999999</c:v>
                </c:pt>
                <c:pt idx="879">
                  <c:v>115.35119999999999</c:v>
                </c:pt>
                <c:pt idx="880">
                  <c:v>115.48439999999999</c:v>
                </c:pt>
                <c:pt idx="881">
                  <c:v>115.6176</c:v>
                </c:pt>
                <c:pt idx="882">
                  <c:v>115.75079999999998</c:v>
                </c:pt>
                <c:pt idx="883">
                  <c:v>115.88399999999999</c:v>
                </c:pt>
                <c:pt idx="884">
                  <c:v>116.0172</c:v>
                </c:pt>
                <c:pt idx="885">
                  <c:v>116.15039999999999</c:v>
                </c:pt>
                <c:pt idx="886">
                  <c:v>116.28359999999999</c:v>
                </c:pt>
                <c:pt idx="887">
                  <c:v>116.41679999999999</c:v>
                </c:pt>
                <c:pt idx="888">
                  <c:v>116.54999999999998</c:v>
                </c:pt>
                <c:pt idx="889">
                  <c:v>116.6832</c:v>
                </c:pt>
                <c:pt idx="890">
                  <c:v>116.81639999999999</c:v>
                </c:pt>
                <c:pt idx="891">
                  <c:v>116.94959999999999</c:v>
                </c:pt>
                <c:pt idx="892">
                  <c:v>117.08279999999999</c:v>
                </c:pt>
                <c:pt idx="893">
                  <c:v>117.21599999999998</c:v>
                </c:pt>
                <c:pt idx="894">
                  <c:v>117.3492</c:v>
                </c:pt>
                <c:pt idx="895">
                  <c:v>117.4824</c:v>
                </c:pt>
                <c:pt idx="896">
                  <c:v>117.61559999999999</c:v>
                </c:pt>
                <c:pt idx="897">
                  <c:v>117.74879999999999</c:v>
                </c:pt>
                <c:pt idx="898">
                  <c:v>117.88199999999999</c:v>
                </c:pt>
                <c:pt idx="899">
                  <c:v>118.01519999999999</c:v>
                </c:pt>
                <c:pt idx="900">
                  <c:v>118.1484</c:v>
                </c:pt>
                <c:pt idx="901">
                  <c:v>118.2816</c:v>
                </c:pt>
                <c:pt idx="902">
                  <c:v>118.41479999999999</c:v>
                </c:pt>
                <c:pt idx="903">
                  <c:v>118.54799999999999</c:v>
                </c:pt>
                <c:pt idx="904">
                  <c:v>118.6812</c:v>
                </c:pt>
                <c:pt idx="905">
                  <c:v>118.81439999999999</c:v>
                </c:pt>
                <c:pt idx="906">
                  <c:v>118.94759999999999</c:v>
                </c:pt>
                <c:pt idx="907">
                  <c:v>119.08079999999998</c:v>
                </c:pt>
                <c:pt idx="908">
                  <c:v>119.21399999999998</c:v>
                </c:pt>
                <c:pt idx="909">
                  <c:v>119.34719999999999</c:v>
                </c:pt>
                <c:pt idx="910">
                  <c:v>119.48039999999999</c:v>
                </c:pt>
                <c:pt idx="911">
                  <c:v>119.61359999999999</c:v>
                </c:pt>
                <c:pt idx="912">
                  <c:v>119.74679999999999</c:v>
                </c:pt>
                <c:pt idx="913">
                  <c:v>119.87999999999998</c:v>
                </c:pt>
                <c:pt idx="914">
                  <c:v>120.01319999999998</c:v>
                </c:pt>
                <c:pt idx="915">
                  <c:v>120.1464</c:v>
                </c:pt>
                <c:pt idx="916">
                  <c:v>120.27959999999999</c:v>
                </c:pt>
                <c:pt idx="917">
                  <c:v>120.41279999999999</c:v>
                </c:pt>
                <c:pt idx="918">
                  <c:v>120.54599999999999</c:v>
                </c:pt>
                <c:pt idx="919">
                  <c:v>120.67919999999998</c:v>
                </c:pt>
                <c:pt idx="920">
                  <c:v>120.8124</c:v>
                </c:pt>
                <c:pt idx="921">
                  <c:v>120.94559999999998</c:v>
                </c:pt>
                <c:pt idx="922">
                  <c:v>121.07879999999999</c:v>
                </c:pt>
                <c:pt idx="923">
                  <c:v>121.21199999999999</c:v>
                </c:pt>
                <c:pt idx="924">
                  <c:v>121.34519999999998</c:v>
                </c:pt>
                <c:pt idx="925">
                  <c:v>121.47839999999999</c:v>
                </c:pt>
                <c:pt idx="926">
                  <c:v>121.6116</c:v>
                </c:pt>
                <c:pt idx="927">
                  <c:v>121.74479999999998</c:v>
                </c:pt>
                <c:pt idx="928">
                  <c:v>121.87799999999999</c:v>
                </c:pt>
                <c:pt idx="929">
                  <c:v>122.01119999999999</c:v>
                </c:pt>
                <c:pt idx="930">
                  <c:v>122.14439999999999</c:v>
                </c:pt>
                <c:pt idx="931">
                  <c:v>122.27759999999999</c:v>
                </c:pt>
                <c:pt idx="932">
                  <c:v>122.41079999999999</c:v>
                </c:pt>
                <c:pt idx="933">
                  <c:v>122.54399999999998</c:v>
                </c:pt>
                <c:pt idx="934">
                  <c:v>122.67719999999998</c:v>
                </c:pt>
                <c:pt idx="935">
                  <c:v>122.81039999999999</c:v>
                </c:pt>
                <c:pt idx="936">
                  <c:v>122.94359999999999</c:v>
                </c:pt>
                <c:pt idx="937">
                  <c:v>123.07679999999999</c:v>
                </c:pt>
                <c:pt idx="938">
                  <c:v>123.20999999999998</c:v>
                </c:pt>
                <c:pt idx="939">
                  <c:v>123.34319999999998</c:v>
                </c:pt>
                <c:pt idx="940">
                  <c:v>123.4764</c:v>
                </c:pt>
                <c:pt idx="941">
                  <c:v>123.60959999999999</c:v>
                </c:pt>
                <c:pt idx="942">
                  <c:v>123.74279999999999</c:v>
                </c:pt>
                <c:pt idx="943">
                  <c:v>123.87599999999999</c:v>
                </c:pt>
                <c:pt idx="944">
                  <c:v>124.00919999999998</c:v>
                </c:pt>
                <c:pt idx="945">
                  <c:v>124.14239999999999</c:v>
                </c:pt>
                <c:pt idx="946">
                  <c:v>124.2756</c:v>
                </c:pt>
                <c:pt idx="947">
                  <c:v>124.40879999999999</c:v>
                </c:pt>
                <c:pt idx="948">
                  <c:v>124.54199999999999</c:v>
                </c:pt>
                <c:pt idx="949">
                  <c:v>124.67519999999999</c:v>
                </c:pt>
                <c:pt idx="950">
                  <c:v>124.80839999999999</c:v>
                </c:pt>
                <c:pt idx="951">
                  <c:v>124.94159999999999</c:v>
                </c:pt>
                <c:pt idx="952">
                  <c:v>125.07479999999998</c:v>
                </c:pt>
                <c:pt idx="953">
                  <c:v>125.20799999999998</c:v>
                </c:pt>
                <c:pt idx="954">
                  <c:v>125.34119999999999</c:v>
                </c:pt>
                <c:pt idx="955">
                  <c:v>125.47439999999999</c:v>
                </c:pt>
                <c:pt idx="956">
                  <c:v>125.60759999999999</c:v>
                </c:pt>
                <c:pt idx="957">
                  <c:v>125.74079999999999</c:v>
                </c:pt>
                <c:pt idx="958">
                  <c:v>125.87399999999998</c:v>
                </c:pt>
                <c:pt idx="959">
                  <c:v>126.00719999999998</c:v>
                </c:pt>
                <c:pt idx="960">
                  <c:v>126.1404</c:v>
                </c:pt>
                <c:pt idx="961">
                  <c:v>126.27359999999999</c:v>
                </c:pt>
                <c:pt idx="962">
                  <c:v>126.40679999999999</c:v>
                </c:pt>
                <c:pt idx="963">
                  <c:v>126.53999999999999</c:v>
                </c:pt>
                <c:pt idx="964">
                  <c:v>126.67319999999998</c:v>
                </c:pt>
                <c:pt idx="965">
                  <c:v>126.67319999999998</c:v>
                </c:pt>
                <c:pt idx="966">
                  <c:v>126.8064</c:v>
                </c:pt>
                <c:pt idx="967">
                  <c:v>126.93959999999998</c:v>
                </c:pt>
                <c:pt idx="968">
                  <c:v>127.07279999999999</c:v>
                </c:pt>
                <c:pt idx="969">
                  <c:v>127.20599999999999</c:v>
                </c:pt>
                <c:pt idx="970">
                  <c:v>127.33919999999998</c:v>
                </c:pt>
                <c:pt idx="971">
                  <c:v>127.47239999999999</c:v>
                </c:pt>
                <c:pt idx="972">
                  <c:v>127.6056</c:v>
                </c:pt>
                <c:pt idx="973">
                  <c:v>127.73879999999998</c:v>
                </c:pt>
                <c:pt idx="974">
                  <c:v>127.87199999999999</c:v>
                </c:pt>
                <c:pt idx="975">
                  <c:v>128.00519999999997</c:v>
                </c:pt>
                <c:pt idx="976">
                  <c:v>128.13839999999999</c:v>
                </c:pt>
                <c:pt idx="977">
                  <c:v>128.27159999999998</c:v>
                </c:pt>
                <c:pt idx="978">
                  <c:v>128.40479999999999</c:v>
                </c:pt>
                <c:pt idx="979">
                  <c:v>128.53799999999998</c:v>
                </c:pt>
                <c:pt idx="980">
                  <c:v>128.67119999999997</c:v>
                </c:pt>
                <c:pt idx="981">
                  <c:v>128.80439999999999</c:v>
                </c:pt>
                <c:pt idx="982">
                  <c:v>128.9376</c:v>
                </c:pt>
                <c:pt idx="983">
                  <c:v>129.07079999999999</c:v>
                </c:pt>
                <c:pt idx="984">
                  <c:v>129.20399999999998</c:v>
                </c:pt>
                <c:pt idx="985">
                  <c:v>129.3372</c:v>
                </c:pt>
                <c:pt idx="986">
                  <c:v>129.47039999999998</c:v>
                </c:pt>
                <c:pt idx="987">
                  <c:v>129.6036</c:v>
                </c:pt>
                <c:pt idx="988">
                  <c:v>129.73679999999999</c:v>
                </c:pt>
                <c:pt idx="989">
                  <c:v>129.86999999999998</c:v>
                </c:pt>
                <c:pt idx="990">
                  <c:v>130.00319999999999</c:v>
                </c:pt>
                <c:pt idx="991">
                  <c:v>130.13639999999998</c:v>
                </c:pt>
                <c:pt idx="992">
                  <c:v>130.2696</c:v>
                </c:pt>
                <c:pt idx="993">
                  <c:v>130.40279999999998</c:v>
                </c:pt>
                <c:pt idx="994">
                  <c:v>130.53599999999997</c:v>
                </c:pt>
                <c:pt idx="995">
                  <c:v>130.66919999999999</c:v>
                </c:pt>
                <c:pt idx="996">
                  <c:v>130.80240000000001</c:v>
                </c:pt>
                <c:pt idx="997">
                  <c:v>130.93559999999999</c:v>
                </c:pt>
                <c:pt idx="998">
                  <c:v>131.06879999999998</c:v>
                </c:pt>
                <c:pt idx="999">
                  <c:v>131.202</c:v>
                </c:pt>
                <c:pt idx="1000">
                  <c:v>131.33519999999999</c:v>
                </c:pt>
                <c:pt idx="1001">
                  <c:v>131.4684</c:v>
                </c:pt>
                <c:pt idx="1002">
                  <c:v>131.60159999999999</c:v>
                </c:pt>
                <c:pt idx="1003">
                  <c:v>131.73479999999998</c:v>
                </c:pt>
                <c:pt idx="1004">
                  <c:v>131.86799999999999</c:v>
                </c:pt>
                <c:pt idx="1005">
                  <c:v>132.00119999999998</c:v>
                </c:pt>
                <c:pt idx="1006">
                  <c:v>132.1344</c:v>
                </c:pt>
                <c:pt idx="1007">
                  <c:v>132.26759999999999</c:v>
                </c:pt>
                <c:pt idx="1008">
                  <c:v>132.40079999999998</c:v>
                </c:pt>
                <c:pt idx="1009">
                  <c:v>132.53399999999999</c:v>
                </c:pt>
                <c:pt idx="1010">
                  <c:v>132.66719999999998</c:v>
                </c:pt>
                <c:pt idx="1011">
                  <c:v>132.8004</c:v>
                </c:pt>
                <c:pt idx="1012">
                  <c:v>132.93359999999998</c:v>
                </c:pt>
                <c:pt idx="1013">
                  <c:v>133.0668</c:v>
                </c:pt>
                <c:pt idx="1014">
                  <c:v>133.19999999999999</c:v>
                </c:pt>
                <c:pt idx="1015">
                  <c:v>133.33319999999998</c:v>
                </c:pt>
                <c:pt idx="1016">
                  <c:v>133.46639999999999</c:v>
                </c:pt>
                <c:pt idx="1017">
                  <c:v>133.59959999999998</c:v>
                </c:pt>
                <c:pt idx="1018">
                  <c:v>133.7328</c:v>
                </c:pt>
                <c:pt idx="1019">
                  <c:v>133.86600000000001</c:v>
                </c:pt>
                <c:pt idx="1020">
                  <c:v>133.99919999999997</c:v>
                </c:pt>
                <c:pt idx="1021">
                  <c:v>134.13239999999999</c:v>
                </c:pt>
                <c:pt idx="1022">
                  <c:v>134.26559999999998</c:v>
                </c:pt>
                <c:pt idx="1023">
                  <c:v>134.39879999999999</c:v>
                </c:pt>
                <c:pt idx="1024">
                  <c:v>134.53200000000001</c:v>
                </c:pt>
                <c:pt idx="1025">
                  <c:v>134.66519999999997</c:v>
                </c:pt>
                <c:pt idx="1026">
                  <c:v>134.79839999999999</c:v>
                </c:pt>
                <c:pt idx="1027">
                  <c:v>134.93159999999997</c:v>
                </c:pt>
                <c:pt idx="1028">
                  <c:v>135.06479999999999</c:v>
                </c:pt>
                <c:pt idx="1029">
                  <c:v>135.19800000000001</c:v>
                </c:pt>
                <c:pt idx="1030">
                  <c:v>135.3312</c:v>
                </c:pt>
                <c:pt idx="1031">
                  <c:v>135.46439999999998</c:v>
                </c:pt>
                <c:pt idx="1032">
                  <c:v>135.59759999999997</c:v>
                </c:pt>
                <c:pt idx="1033">
                  <c:v>135.73079999999999</c:v>
                </c:pt>
                <c:pt idx="1034">
                  <c:v>135.864</c:v>
                </c:pt>
                <c:pt idx="1035">
                  <c:v>135.99719999999999</c:v>
                </c:pt>
                <c:pt idx="1036">
                  <c:v>136.13039999999998</c:v>
                </c:pt>
                <c:pt idx="1037">
                  <c:v>136.26359999999997</c:v>
                </c:pt>
                <c:pt idx="1038">
                  <c:v>136.39679999999998</c:v>
                </c:pt>
                <c:pt idx="1039">
                  <c:v>136.53</c:v>
                </c:pt>
                <c:pt idx="1040">
                  <c:v>136.66319999999999</c:v>
                </c:pt>
                <c:pt idx="1041">
                  <c:v>136.79640000000001</c:v>
                </c:pt>
                <c:pt idx="1042">
                  <c:v>136.92959999999997</c:v>
                </c:pt>
                <c:pt idx="1043">
                  <c:v>137.06279999999998</c:v>
                </c:pt>
                <c:pt idx="1044">
                  <c:v>137.196</c:v>
                </c:pt>
                <c:pt idx="1045">
                  <c:v>137.32919999999999</c:v>
                </c:pt>
                <c:pt idx="1046">
                  <c:v>137.4624</c:v>
                </c:pt>
                <c:pt idx="1047">
                  <c:v>137.59559999999999</c:v>
                </c:pt>
                <c:pt idx="1048">
                  <c:v>137.72879999999998</c:v>
                </c:pt>
                <c:pt idx="1049">
                  <c:v>137.86199999999999</c:v>
                </c:pt>
                <c:pt idx="1050">
                  <c:v>137.99519999999998</c:v>
                </c:pt>
                <c:pt idx="1051">
                  <c:v>138.1284</c:v>
                </c:pt>
                <c:pt idx="1052">
                  <c:v>138.26159999999999</c:v>
                </c:pt>
                <c:pt idx="1053">
                  <c:v>138.39479999999998</c:v>
                </c:pt>
                <c:pt idx="1054">
                  <c:v>138.52799999999999</c:v>
                </c:pt>
                <c:pt idx="1055">
                  <c:v>138.66119999999998</c:v>
                </c:pt>
                <c:pt idx="1056">
                  <c:v>138.7944</c:v>
                </c:pt>
                <c:pt idx="1057">
                  <c:v>138.92759999999998</c:v>
                </c:pt>
                <c:pt idx="1058">
                  <c:v>139.0608</c:v>
                </c:pt>
                <c:pt idx="1059">
                  <c:v>139.19399999999999</c:v>
                </c:pt>
                <c:pt idx="1060">
                  <c:v>139.32719999999998</c:v>
                </c:pt>
                <c:pt idx="1061">
                  <c:v>139.46039999999999</c:v>
                </c:pt>
                <c:pt idx="1062">
                  <c:v>139.59359999999998</c:v>
                </c:pt>
                <c:pt idx="1063">
                  <c:v>139.7268</c:v>
                </c:pt>
                <c:pt idx="1064">
                  <c:v>139.86000000000001</c:v>
                </c:pt>
                <c:pt idx="1065">
                  <c:v>139.99319999999997</c:v>
                </c:pt>
                <c:pt idx="1066">
                  <c:v>140.12639999999999</c:v>
                </c:pt>
                <c:pt idx="1067">
                  <c:v>140.25959999999998</c:v>
                </c:pt>
                <c:pt idx="1068">
                  <c:v>140.39279999999999</c:v>
                </c:pt>
                <c:pt idx="1069">
                  <c:v>140.52600000000001</c:v>
                </c:pt>
                <c:pt idx="1070">
                  <c:v>140.65919999999997</c:v>
                </c:pt>
                <c:pt idx="1071">
                  <c:v>140.79239999999999</c:v>
                </c:pt>
                <c:pt idx="1072">
                  <c:v>140.92559999999997</c:v>
                </c:pt>
                <c:pt idx="1073">
                  <c:v>141.05879999999999</c:v>
                </c:pt>
                <c:pt idx="1074">
                  <c:v>141.19200000000001</c:v>
                </c:pt>
                <c:pt idx="1075">
                  <c:v>141.3252</c:v>
                </c:pt>
                <c:pt idx="1076">
                  <c:v>141.45839999999998</c:v>
                </c:pt>
                <c:pt idx="1077">
                  <c:v>141.59159999999997</c:v>
                </c:pt>
                <c:pt idx="1078">
                  <c:v>141.72479999999999</c:v>
                </c:pt>
                <c:pt idx="1079">
                  <c:v>141.858</c:v>
                </c:pt>
                <c:pt idx="1080">
                  <c:v>141.99119999999999</c:v>
                </c:pt>
                <c:pt idx="1081">
                  <c:v>142.12439999999998</c:v>
                </c:pt>
                <c:pt idx="1082">
                  <c:v>142.25759999999997</c:v>
                </c:pt>
                <c:pt idx="1083">
                  <c:v>142.39079999999998</c:v>
                </c:pt>
                <c:pt idx="1084">
                  <c:v>142.524</c:v>
                </c:pt>
                <c:pt idx="1085">
                  <c:v>142.65719999999999</c:v>
                </c:pt>
                <c:pt idx="1086">
                  <c:v>142.79040000000001</c:v>
                </c:pt>
                <c:pt idx="1087">
                  <c:v>142.92359999999996</c:v>
                </c:pt>
                <c:pt idx="1088">
                  <c:v>143.05679999999998</c:v>
                </c:pt>
                <c:pt idx="1089">
                  <c:v>143.19</c:v>
                </c:pt>
                <c:pt idx="1090">
                  <c:v>143.32319999999999</c:v>
                </c:pt>
                <c:pt idx="1091">
                  <c:v>143.4564</c:v>
                </c:pt>
                <c:pt idx="1092">
                  <c:v>143.58959999999999</c:v>
                </c:pt>
                <c:pt idx="1093">
                  <c:v>143.72279999999998</c:v>
                </c:pt>
                <c:pt idx="1094">
                  <c:v>143.85599999999999</c:v>
                </c:pt>
                <c:pt idx="1095">
                  <c:v>143.98919999999998</c:v>
                </c:pt>
                <c:pt idx="1096">
                  <c:v>144.1224</c:v>
                </c:pt>
                <c:pt idx="1097">
                  <c:v>144.25559999999999</c:v>
                </c:pt>
                <c:pt idx="1098">
                  <c:v>144.38879999999997</c:v>
                </c:pt>
                <c:pt idx="1099">
                  <c:v>144.52199999999999</c:v>
                </c:pt>
                <c:pt idx="1100">
                  <c:v>144.65519999999998</c:v>
                </c:pt>
                <c:pt idx="1101">
                  <c:v>144.7884</c:v>
                </c:pt>
                <c:pt idx="1102">
                  <c:v>144.92159999999998</c:v>
                </c:pt>
                <c:pt idx="1103">
                  <c:v>145.0548</c:v>
                </c:pt>
                <c:pt idx="1104">
                  <c:v>145.18799999999999</c:v>
                </c:pt>
                <c:pt idx="1105">
                  <c:v>145.32119999999998</c:v>
                </c:pt>
                <c:pt idx="1106">
                  <c:v>145.45439999999999</c:v>
                </c:pt>
                <c:pt idx="1107">
                  <c:v>145.58759999999998</c:v>
                </c:pt>
                <c:pt idx="1108">
                  <c:v>145.7208</c:v>
                </c:pt>
                <c:pt idx="1109">
                  <c:v>145.85400000000001</c:v>
                </c:pt>
                <c:pt idx="1110">
                  <c:v>145.98719999999997</c:v>
                </c:pt>
                <c:pt idx="1111">
                  <c:v>146.12039999999999</c:v>
                </c:pt>
                <c:pt idx="1112">
                  <c:v>146.25359999999998</c:v>
                </c:pt>
                <c:pt idx="1113">
                  <c:v>146.38679999999999</c:v>
                </c:pt>
                <c:pt idx="1114">
                  <c:v>146.52000000000001</c:v>
                </c:pt>
                <c:pt idx="1115">
                  <c:v>146.65319999999997</c:v>
                </c:pt>
                <c:pt idx="1116">
                  <c:v>146.78639999999999</c:v>
                </c:pt>
                <c:pt idx="1117">
                  <c:v>146.91959999999997</c:v>
                </c:pt>
                <c:pt idx="1118">
                  <c:v>147.05279999999999</c:v>
                </c:pt>
                <c:pt idx="1119">
                  <c:v>147.18600000000001</c:v>
                </c:pt>
                <c:pt idx="1120">
                  <c:v>147.3192</c:v>
                </c:pt>
                <c:pt idx="1121">
                  <c:v>147.45239999999998</c:v>
                </c:pt>
                <c:pt idx="1122">
                  <c:v>147.58559999999997</c:v>
                </c:pt>
                <c:pt idx="1123">
                  <c:v>147.71879999999999</c:v>
                </c:pt>
                <c:pt idx="1124">
                  <c:v>147.852</c:v>
                </c:pt>
                <c:pt idx="1125">
                  <c:v>147.98519999999999</c:v>
                </c:pt>
                <c:pt idx="1126">
                  <c:v>148.11840000000001</c:v>
                </c:pt>
                <c:pt idx="1127">
                  <c:v>148.25159999999997</c:v>
                </c:pt>
                <c:pt idx="1128">
                  <c:v>148.38479999999998</c:v>
                </c:pt>
                <c:pt idx="1129">
                  <c:v>148.518</c:v>
                </c:pt>
                <c:pt idx="1130">
                  <c:v>148.65119999999999</c:v>
                </c:pt>
                <c:pt idx="1131">
                  <c:v>148.78440000000001</c:v>
                </c:pt>
                <c:pt idx="1132">
                  <c:v>148.91759999999996</c:v>
                </c:pt>
                <c:pt idx="1133">
                  <c:v>149.05079999999998</c:v>
                </c:pt>
                <c:pt idx="1134">
                  <c:v>149.184</c:v>
                </c:pt>
                <c:pt idx="1135">
                  <c:v>149.31719999999999</c:v>
                </c:pt>
                <c:pt idx="1136">
                  <c:v>149.4504</c:v>
                </c:pt>
                <c:pt idx="1137">
                  <c:v>149.58359999999999</c:v>
                </c:pt>
                <c:pt idx="1138">
                  <c:v>149.71679999999998</c:v>
                </c:pt>
                <c:pt idx="1139">
                  <c:v>149.85</c:v>
                </c:pt>
                <c:pt idx="1140">
                  <c:v>149.98319999999998</c:v>
                </c:pt>
                <c:pt idx="1141">
                  <c:v>150.1164</c:v>
                </c:pt>
                <c:pt idx="1142">
                  <c:v>150.24959999999999</c:v>
                </c:pt>
                <c:pt idx="1143">
                  <c:v>150.38279999999997</c:v>
                </c:pt>
                <c:pt idx="1144">
                  <c:v>150.51599999999999</c:v>
                </c:pt>
                <c:pt idx="1145">
                  <c:v>150.64919999999998</c:v>
                </c:pt>
                <c:pt idx="1146">
                  <c:v>150.7824</c:v>
                </c:pt>
                <c:pt idx="1147">
                  <c:v>150.91559999999998</c:v>
                </c:pt>
                <c:pt idx="1148">
                  <c:v>151.0488</c:v>
                </c:pt>
                <c:pt idx="1149">
                  <c:v>151.18199999999999</c:v>
                </c:pt>
                <c:pt idx="1150">
                  <c:v>151.31519999999998</c:v>
                </c:pt>
                <c:pt idx="1151">
                  <c:v>151.44839999999999</c:v>
                </c:pt>
                <c:pt idx="1152">
                  <c:v>151.58159999999998</c:v>
                </c:pt>
                <c:pt idx="1153">
                  <c:v>151.7148</c:v>
                </c:pt>
                <c:pt idx="1154">
                  <c:v>151.84800000000001</c:v>
                </c:pt>
                <c:pt idx="1155">
                  <c:v>151.98119999999997</c:v>
                </c:pt>
                <c:pt idx="1156">
                  <c:v>152.11439999999999</c:v>
                </c:pt>
                <c:pt idx="1157">
                  <c:v>152.24759999999998</c:v>
                </c:pt>
                <c:pt idx="1158">
                  <c:v>152.38079999999999</c:v>
                </c:pt>
                <c:pt idx="1159">
                  <c:v>152.51400000000001</c:v>
                </c:pt>
                <c:pt idx="1160">
                  <c:v>152.64719999999997</c:v>
                </c:pt>
                <c:pt idx="1161">
                  <c:v>152.78039999999999</c:v>
                </c:pt>
                <c:pt idx="1162">
                  <c:v>152.91359999999997</c:v>
                </c:pt>
                <c:pt idx="1163">
                  <c:v>153.04679999999999</c:v>
                </c:pt>
                <c:pt idx="1164">
                  <c:v>153.18</c:v>
                </c:pt>
                <c:pt idx="1165">
                  <c:v>153.31319999999999</c:v>
                </c:pt>
                <c:pt idx="1166">
                  <c:v>153.44639999999998</c:v>
                </c:pt>
                <c:pt idx="1167">
                  <c:v>153.57959999999997</c:v>
                </c:pt>
                <c:pt idx="1168">
                  <c:v>153.71279999999999</c:v>
                </c:pt>
                <c:pt idx="1169">
                  <c:v>153.846</c:v>
                </c:pt>
                <c:pt idx="1170">
                  <c:v>153.97919999999999</c:v>
                </c:pt>
                <c:pt idx="1171">
                  <c:v>154.11240000000001</c:v>
                </c:pt>
                <c:pt idx="1172">
                  <c:v>154.24559999999997</c:v>
                </c:pt>
                <c:pt idx="1173">
                  <c:v>154.37879999999998</c:v>
                </c:pt>
                <c:pt idx="1174">
                  <c:v>154.512</c:v>
                </c:pt>
                <c:pt idx="1175">
                  <c:v>154.64519999999999</c:v>
                </c:pt>
                <c:pt idx="1176">
                  <c:v>154.7784</c:v>
                </c:pt>
                <c:pt idx="1177">
                  <c:v>154.91159999999996</c:v>
                </c:pt>
                <c:pt idx="1178">
                  <c:v>155.04479999999998</c:v>
                </c:pt>
                <c:pt idx="1179">
                  <c:v>155.178</c:v>
                </c:pt>
                <c:pt idx="1180">
                  <c:v>155.31119999999999</c:v>
                </c:pt>
                <c:pt idx="1181">
                  <c:v>155.4444</c:v>
                </c:pt>
                <c:pt idx="1182">
                  <c:v>155.57759999999999</c:v>
                </c:pt>
                <c:pt idx="1183">
                  <c:v>155.71079999999998</c:v>
                </c:pt>
                <c:pt idx="1184">
                  <c:v>155.84399999999999</c:v>
                </c:pt>
                <c:pt idx="1185">
                  <c:v>155.97719999999998</c:v>
                </c:pt>
                <c:pt idx="1186">
                  <c:v>156.1104</c:v>
                </c:pt>
                <c:pt idx="1187">
                  <c:v>156.24359999999999</c:v>
                </c:pt>
                <c:pt idx="1188">
                  <c:v>156.37679999999997</c:v>
                </c:pt>
                <c:pt idx="1189">
                  <c:v>156.51</c:v>
                </c:pt>
                <c:pt idx="1190">
                  <c:v>156.64319999999998</c:v>
                </c:pt>
                <c:pt idx="1191">
                  <c:v>156.7764</c:v>
                </c:pt>
                <c:pt idx="1192">
                  <c:v>156.90959999999998</c:v>
                </c:pt>
                <c:pt idx="1193">
                  <c:v>157.0428</c:v>
                </c:pt>
                <c:pt idx="1194">
                  <c:v>157.17599999999999</c:v>
                </c:pt>
                <c:pt idx="1195">
                  <c:v>157.30919999999998</c:v>
                </c:pt>
                <c:pt idx="1196">
                  <c:v>157.44239999999999</c:v>
                </c:pt>
                <c:pt idx="1197">
                  <c:v>157.57559999999998</c:v>
                </c:pt>
                <c:pt idx="1198">
                  <c:v>157.7088</c:v>
                </c:pt>
                <c:pt idx="1199">
                  <c:v>157.84200000000001</c:v>
                </c:pt>
                <c:pt idx="1200">
                  <c:v>157.97519999999997</c:v>
                </c:pt>
                <c:pt idx="1201">
                  <c:v>158.10839999999999</c:v>
                </c:pt>
                <c:pt idx="1202">
                  <c:v>158.24159999999998</c:v>
                </c:pt>
                <c:pt idx="1203">
                  <c:v>158.37479999999999</c:v>
                </c:pt>
                <c:pt idx="1204">
                  <c:v>158.50800000000001</c:v>
                </c:pt>
                <c:pt idx="1205">
                  <c:v>158.64119999999997</c:v>
                </c:pt>
                <c:pt idx="1206">
                  <c:v>158.77439999999999</c:v>
                </c:pt>
                <c:pt idx="1207">
                  <c:v>158.90759999999997</c:v>
                </c:pt>
                <c:pt idx="1208">
                  <c:v>159.04079999999999</c:v>
                </c:pt>
                <c:pt idx="1209">
                  <c:v>159.17400000000001</c:v>
                </c:pt>
                <c:pt idx="1210">
                  <c:v>159.30719999999999</c:v>
                </c:pt>
                <c:pt idx="1211">
                  <c:v>159.44039999999998</c:v>
                </c:pt>
                <c:pt idx="1212">
                  <c:v>159.57359999999997</c:v>
                </c:pt>
                <c:pt idx="1213">
                  <c:v>159.70679999999999</c:v>
                </c:pt>
                <c:pt idx="1214">
                  <c:v>159.84</c:v>
                </c:pt>
                <c:pt idx="1215">
                  <c:v>159.97319999999999</c:v>
                </c:pt>
                <c:pt idx="1216">
                  <c:v>160.10640000000001</c:v>
                </c:pt>
                <c:pt idx="1217">
                  <c:v>160.23959999999997</c:v>
                </c:pt>
                <c:pt idx="1218">
                  <c:v>160.37279999999998</c:v>
                </c:pt>
                <c:pt idx="1219">
                  <c:v>160.506</c:v>
                </c:pt>
                <c:pt idx="1220">
                  <c:v>160.63919999999999</c:v>
                </c:pt>
                <c:pt idx="1221">
                  <c:v>160.7724</c:v>
                </c:pt>
                <c:pt idx="1222">
                  <c:v>160.90559999999996</c:v>
                </c:pt>
                <c:pt idx="1223">
                  <c:v>161.03879999999998</c:v>
                </c:pt>
                <c:pt idx="1224">
                  <c:v>161.172</c:v>
                </c:pt>
                <c:pt idx="1225">
                  <c:v>161.30519999999999</c:v>
                </c:pt>
                <c:pt idx="1226">
                  <c:v>161.4384</c:v>
                </c:pt>
                <c:pt idx="1227">
                  <c:v>161.57159999999999</c:v>
                </c:pt>
                <c:pt idx="1228">
                  <c:v>161.70479999999998</c:v>
                </c:pt>
                <c:pt idx="1229">
                  <c:v>161.83799999999999</c:v>
                </c:pt>
                <c:pt idx="1230">
                  <c:v>161.97119999999998</c:v>
                </c:pt>
                <c:pt idx="1231">
                  <c:v>162.1044</c:v>
                </c:pt>
                <c:pt idx="1232">
                  <c:v>162.23759999999999</c:v>
                </c:pt>
                <c:pt idx="1233">
                  <c:v>162.37079999999997</c:v>
                </c:pt>
                <c:pt idx="1234">
                  <c:v>162.50399999999999</c:v>
                </c:pt>
                <c:pt idx="1235">
                  <c:v>162.63719999999998</c:v>
                </c:pt>
                <c:pt idx="1236">
                  <c:v>162.7704</c:v>
                </c:pt>
                <c:pt idx="1237">
                  <c:v>162.90359999999998</c:v>
                </c:pt>
                <c:pt idx="1238">
                  <c:v>163.0368</c:v>
                </c:pt>
                <c:pt idx="1239">
                  <c:v>163.16999999999999</c:v>
                </c:pt>
                <c:pt idx="1240">
                  <c:v>163.30319999999998</c:v>
                </c:pt>
                <c:pt idx="1241">
                  <c:v>163.43639999999999</c:v>
                </c:pt>
                <c:pt idx="1242">
                  <c:v>163.56959999999998</c:v>
                </c:pt>
                <c:pt idx="1243">
                  <c:v>163.7028</c:v>
                </c:pt>
                <c:pt idx="1244">
                  <c:v>163.83600000000001</c:v>
                </c:pt>
                <c:pt idx="1245">
                  <c:v>163.96919999999997</c:v>
                </c:pt>
                <c:pt idx="1246">
                  <c:v>164.10239999999999</c:v>
                </c:pt>
                <c:pt idx="1247">
                  <c:v>164.23559999999998</c:v>
                </c:pt>
                <c:pt idx="1248">
                  <c:v>164.36879999999999</c:v>
                </c:pt>
                <c:pt idx="1249">
                  <c:v>164.50200000000001</c:v>
                </c:pt>
                <c:pt idx="1250">
                  <c:v>164.63519999999997</c:v>
                </c:pt>
                <c:pt idx="1251">
                  <c:v>164.76839999999999</c:v>
                </c:pt>
                <c:pt idx="1252">
                  <c:v>164.90159999999997</c:v>
                </c:pt>
                <c:pt idx="1253">
                  <c:v>165.03479999999999</c:v>
                </c:pt>
                <c:pt idx="1254">
                  <c:v>165.16800000000001</c:v>
                </c:pt>
                <c:pt idx="1255">
                  <c:v>165.30119999999999</c:v>
                </c:pt>
                <c:pt idx="1256">
                  <c:v>165.43439999999998</c:v>
                </c:pt>
                <c:pt idx="1257">
                  <c:v>165.56759999999997</c:v>
                </c:pt>
                <c:pt idx="1258">
                  <c:v>165.70079999999999</c:v>
                </c:pt>
                <c:pt idx="1259">
                  <c:v>165.834</c:v>
                </c:pt>
                <c:pt idx="1260">
                  <c:v>165.96719999999999</c:v>
                </c:pt>
                <c:pt idx="1261">
                  <c:v>166.10040000000001</c:v>
                </c:pt>
                <c:pt idx="1262">
                  <c:v>166.23359999999997</c:v>
                </c:pt>
                <c:pt idx="1263">
                  <c:v>166.36679999999998</c:v>
                </c:pt>
                <c:pt idx="1264">
                  <c:v>166.5</c:v>
                </c:pt>
                <c:pt idx="1265">
                  <c:v>166.63319999999999</c:v>
                </c:pt>
                <c:pt idx="1266">
                  <c:v>166.7664</c:v>
                </c:pt>
                <c:pt idx="1267">
                  <c:v>166.89959999999996</c:v>
                </c:pt>
                <c:pt idx="1268">
                  <c:v>167.03279999999998</c:v>
                </c:pt>
                <c:pt idx="1269">
                  <c:v>167.166</c:v>
                </c:pt>
                <c:pt idx="1270">
                  <c:v>167.29919999999998</c:v>
                </c:pt>
                <c:pt idx="1271">
                  <c:v>167.4324</c:v>
                </c:pt>
                <c:pt idx="1272">
                  <c:v>167.56559999999999</c:v>
                </c:pt>
                <c:pt idx="1273">
                  <c:v>167.69879999999998</c:v>
                </c:pt>
                <c:pt idx="1274">
                  <c:v>167.83199999999999</c:v>
                </c:pt>
                <c:pt idx="1275">
                  <c:v>167.96519999999998</c:v>
                </c:pt>
                <c:pt idx="1276">
                  <c:v>168.0984</c:v>
                </c:pt>
                <c:pt idx="1277">
                  <c:v>168.23159999999999</c:v>
                </c:pt>
                <c:pt idx="1278">
                  <c:v>168.3648</c:v>
                </c:pt>
                <c:pt idx="1279">
                  <c:v>168.49799999999999</c:v>
                </c:pt>
                <c:pt idx="1280">
                  <c:v>168.63119999999998</c:v>
                </c:pt>
                <c:pt idx="1281">
                  <c:v>168.76439999999999</c:v>
                </c:pt>
                <c:pt idx="1282">
                  <c:v>168.89759999999998</c:v>
                </c:pt>
                <c:pt idx="1283">
                  <c:v>169.0308</c:v>
                </c:pt>
                <c:pt idx="1284">
                  <c:v>169.16399999999999</c:v>
                </c:pt>
                <c:pt idx="1285">
                  <c:v>169.29719999999998</c:v>
                </c:pt>
                <c:pt idx="1286">
                  <c:v>169.43039999999999</c:v>
                </c:pt>
                <c:pt idx="1287">
                  <c:v>169.56359999999998</c:v>
                </c:pt>
                <c:pt idx="1288">
                  <c:v>169.6968</c:v>
                </c:pt>
                <c:pt idx="1289">
                  <c:v>169.83</c:v>
                </c:pt>
                <c:pt idx="1290">
                  <c:v>169.96319999999997</c:v>
                </c:pt>
                <c:pt idx="1291">
                  <c:v>170.09639999999999</c:v>
                </c:pt>
                <c:pt idx="1292">
                  <c:v>170.22959999999998</c:v>
                </c:pt>
                <c:pt idx="1293">
                  <c:v>170.36279999999999</c:v>
                </c:pt>
                <c:pt idx="1294">
                  <c:v>170.49600000000001</c:v>
                </c:pt>
                <c:pt idx="1295">
                  <c:v>170.62919999999997</c:v>
                </c:pt>
                <c:pt idx="1296">
                  <c:v>170.76239999999999</c:v>
                </c:pt>
                <c:pt idx="1297">
                  <c:v>170.89559999999997</c:v>
                </c:pt>
                <c:pt idx="1298">
                  <c:v>171.02879999999999</c:v>
                </c:pt>
                <c:pt idx="1299">
                  <c:v>171.16199999999998</c:v>
                </c:pt>
                <c:pt idx="1300">
                  <c:v>171.29519999999999</c:v>
                </c:pt>
                <c:pt idx="1301">
                  <c:v>171.42839999999998</c:v>
                </c:pt>
                <c:pt idx="1302">
                  <c:v>171.56159999999997</c:v>
                </c:pt>
                <c:pt idx="1303">
                  <c:v>171.69479999999999</c:v>
                </c:pt>
                <c:pt idx="1304">
                  <c:v>171.82799999999997</c:v>
                </c:pt>
                <c:pt idx="1305">
                  <c:v>171.96119999999999</c:v>
                </c:pt>
                <c:pt idx="1306">
                  <c:v>172.09440000000001</c:v>
                </c:pt>
                <c:pt idx="1307">
                  <c:v>172.22759999999997</c:v>
                </c:pt>
                <c:pt idx="1308">
                  <c:v>172.36079999999998</c:v>
                </c:pt>
                <c:pt idx="1309">
                  <c:v>172.49399999999997</c:v>
                </c:pt>
                <c:pt idx="1310">
                  <c:v>172.62719999999999</c:v>
                </c:pt>
                <c:pt idx="1311">
                  <c:v>172.7604</c:v>
                </c:pt>
                <c:pt idx="1312">
                  <c:v>172.89359999999996</c:v>
                </c:pt>
                <c:pt idx="1313">
                  <c:v>173.02679999999998</c:v>
                </c:pt>
                <c:pt idx="1314">
                  <c:v>173.15999999999997</c:v>
                </c:pt>
                <c:pt idx="1315">
                  <c:v>173.29319999999998</c:v>
                </c:pt>
                <c:pt idx="1316">
                  <c:v>173.4264</c:v>
                </c:pt>
                <c:pt idx="1317">
                  <c:v>173.55959999999999</c:v>
                </c:pt>
                <c:pt idx="1318">
                  <c:v>173.69279999999998</c:v>
                </c:pt>
                <c:pt idx="1319">
                  <c:v>173.82599999999996</c:v>
                </c:pt>
                <c:pt idx="1320">
                  <c:v>173.95919999999998</c:v>
                </c:pt>
                <c:pt idx="1321">
                  <c:v>174.0924</c:v>
                </c:pt>
                <c:pt idx="1322">
                  <c:v>174.22559999999999</c:v>
                </c:pt>
                <c:pt idx="1323">
                  <c:v>174.3588</c:v>
                </c:pt>
                <c:pt idx="1324">
                  <c:v>174.49199999999996</c:v>
                </c:pt>
                <c:pt idx="1325">
                  <c:v>174.62519999999998</c:v>
                </c:pt>
                <c:pt idx="1326">
                  <c:v>174.75839999999999</c:v>
                </c:pt>
                <c:pt idx="1327">
                  <c:v>174.89159999999998</c:v>
                </c:pt>
                <c:pt idx="1328">
                  <c:v>175.0248</c:v>
                </c:pt>
                <c:pt idx="1329">
                  <c:v>175.15799999999996</c:v>
                </c:pt>
                <c:pt idx="1330">
                  <c:v>175.29119999999998</c:v>
                </c:pt>
                <c:pt idx="1331">
                  <c:v>175.42439999999999</c:v>
                </c:pt>
                <c:pt idx="1332">
                  <c:v>175.55759999999998</c:v>
                </c:pt>
                <c:pt idx="1333">
                  <c:v>175.6908</c:v>
                </c:pt>
                <c:pt idx="1334">
                  <c:v>175.82399999999998</c:v>
                </c:pt>
                <c:pt idx="1335">
                  <c:v>175.95719999999997</c:v>
                </c:pt>
                <c:pt idx="1336">
                  <c:v>176.09039999999999</c:v>
                </c:pt>
                <c:pt idx="1337">
                  <c:v>176.22359999999998</c:v>
                </c:pt>
                <c:pt idx="1338">
                  <c:v>176.35679999999999</c:v>
                </c:pt>
                <c:pt idx="1339">
                  <c:v>176.48999999999998</c:v>
                </c:pt>
                <c:pt idx="1340">
                  <c:v>176.62319999999997</c:v>
                </c:pt>
                <c:pt idx="1341">
                  <c:v>176.75639999999999</c:v>
                </c:pt>
                <c:pt idx="1342">
                  <c:v>176.88959999999997</c:v>
                </c:pt>
                <c:pt idx="1343">
                  <c:v>177.02279999999999</c:v>
                </c:pt>
                <c:pt idx="1344">
                  <c:v>177.15599999999998</c:v>
                </c:pt>
                <c:pt idx="1345">
                  <c:v>177.28919999999999</c:v>
                </c:pt>
                <c:pt idx="1346">
                  <c:v>177.42239999999998</c:v>
                </c:pt>
                <c:pt idx="1347">
                  <c:v>177.55559999999997</c:v>
                </c:pt>
                <c:pt idx="1348">
                  <c:v>177.68879999999999</c:v>
                </c:pt>
                <c:pt idx="1349">
                  <c:v>177.82199999999997</c:v>
                </c:pt>
                <c:pt idx="1350">
                  <c:v>177.95519999999999</c:v>
                </c:pt>
                <c:pt idx="1351">
                  <c:v>178.08840000000001</c:v>
                </c:pt>
                <c:pt idx="1352">
                  <c:v>178.22159999999997</c:v>
                </c:pt>
                <c:pt idx="1353">
                  <c:v>178.35479999999998</c:v>
                </c:pt>
                <c:pt idx="1354">
                  <c:v>178.48799999999997</c:v>
                </c:pt>
                <c:pt idx="1355">
                  <c:v>178.62119999999999</c:v>
                </c:pt>
                <c:pt idx="1356">
                  <c:v>178.7544</c:v>
                </c:pt>
                <c:pt idx="1357">
                  <c:v>178.88759999999996</c:v>
                </c:pt>
                <c:pt idx="1358">
                  <c:v>179.02079999999998</c:v>
                </c:pt>
                <c:pt idx="1359">
                  <c:v>179.15399999999997</c:v>
                </c:pt>
                <c:pt idx="1360">
                  <c:v>179.28719999999998</c:v>
                </c:pt>
                <c:pt idx="1361">
                  <c:v>179.4204</c:v>
                </c:pt>
                <c:pt idx="1362">
                  <c:v>179.55359999999999</c:v>
                </c:pt>
                <c:pt idx="1363">
                  <c:v>179.68679999999998</c:v>
                </c:pt>
                <c:pt idx="1364">
                  <c:v>179.81999999999996</c:v>
                </c:pt>
                <c:pt idx="1365">
                  <c:v>179.95319999999998</c:v>
                </c:pt>
                <c:pt idx="1366">
                  <c:v>180.0864</c:v>
                </c:pt>
                <c:pt idx="1367">
                  <c:v>180.21959999999999</c:v>
                </c:pt>
                <c:pt idx="1368">
                  <c:v>180.3528</c:v>
                </c:pt>
                <c:pt idx="1369">
                  <c:v>180.48599999999996</c:v>
                </c:pt>
                <c:pt idx="1370">
                  <c:v>180.61919999999998</c:v>
                </c:pt>
                <c:pt idx="1371">
                  <c:v>180.75239999999999</c:v>
                </c:pt>
                <c:pt idx="1372">
                  <c:v>180.88559999999998</c:v>
                </c:pt>
                <c:pt idx="1373">
                  <c:v>181.0188</c:v>
                </c:pt>
                <c:pt idx="1374">
                  <c:v>181.15199999999996</c:v>
                </c:pt>
                <c:pt idx="1375">
                  <c:v>181.28519999999997</c:v>
                </c:pt>
                <c:pt idx="1376">
                  <c:v>181.41839999999999</c:v>
                </c:pt>
                <c:pt idx="1377">
                  <c:v>181.55159999999998</c:v>
                </c:pt>
                <c:pt idx="1378">
                  <c:v>181.6848</c:v>
                </c:pt>
                <c:pt idx="1379">
                  <c:v>181.81799999999998</c:v>
                </c:pt>
                <c:pt idx="1380">
                  <c:v>181.95119999999997</c:v>
                </c:pt>
                <c:pt idx="1381">
                  <c:v>182.08439999999999</c:v>
                </c:pt>
                <c:pt idx="1382">
                  <c:v>182.21759999999998</c:v>
                </c:pt>
                <c:pt idx="1383">
                  <c:v>182.35079999999999</c:v>
                </c:pt>
                <c:pt idx="1384">
                  <c:v>182.48399999999998</c:v>
                </c:pt>
                <c:pt idx="1385">
                  <c:v>182.61719999999997</c:v>
                </c:pt>
                <c:pt idx="1386">
                  <c:v>182.75039999999998</c:v>
                </c:pt>
                <c:pt idx="1387">
                  <c:v>182.88359999999997</c:v>
                </c:pt>
                <c:pt idx="1388">
                  <c:v>183.01679999999999</c:v>
                </c:pt>
                <c:pt idx="1389">
                  <c:v>183.14999999999998</c:v>
                </c:pt>
                <c:pt idx="1390">
                  <c:v>183.28319999999999</c:v>
                </c:pt>
                <c:pt idx="1391">
                  <c:v>183.41639999999998</c:v>
                </c:pt>
                <c:pt idx="1392">
                  <c:v>183.54959999999997</c:v>
                </c:pt>
                <c:pt idx="1393">
                  <c:v>183.68279999999999</c:v>
                </c:pt>
                <c:pt idx="1394">
                  <c:v>183.81599999999997</c:v>
                </c:pt>
                <c:pt idx="1395">
                  <c:v>183.94919999999999</c:v>
                </c:pt>
                <c:pt idx="1396">
                  <c:v>184.08240000000001</c:v>
                </c:pt>
                <c:pt idx="1397">
                  <c:v>184.21559999999997</c:v>
                </c:pt>
                <c:pt idx="1398">
                  <c:v>184.34879999999998</c:v>
                </c:pt>
                <c:pt idx="1399">
                  <c:v>184.48199999999997</c:v>
                </c:pt>
                <c:pt idx="1400">
                  <c:v>184.61519999999999</c:v>
                </c:pt>
                <c:pt idx="1401">
                  <c:v>184.7484</c:v>
                </c:pt>
                <c:pt idx="1402">
                  <c:v>184.88159999999996</c:v>
                </c:pt>
                <c:pt idx="1403">
                  <c:v>185.01479999999998</c:v>
                </c:pt>
                <c:pt idx="1404">
                  <c:v>185.14799999999997</c:v>
                </c:pt>
                <c:pt idx="1405">
                  <c:v>185.28119999999998</c:v>
                </c:pt>
                <c:pt idx="1406">
                  <c:v>185.4144</c:v>
                </c:pt>
                <c:pt idx="1407">
                  <c:v>185.54759999999999</c:v>
                </c:pt>
                <c:pt idx="1408">
                  <c:v>185.68079999999998</c:v>
                </c:pt>
                <c:pt idx="1409">
                  <c:v>185.81399999999996</c:v>
                </c:pt>
                <c:pt idx="1410">
                  <c:v>185.94719999999998</c:v>
                </c:pt>
                <c:pt idx="1411">
                  <c:v>186.0804</c:v>
                </c:pt>
                <c:pt idx="1412">
                  <c:v>186.21359999999999</c:v>
                </c:pt>
                <c:pt idx="1413">
                  <c:v>186.3468</c:v>
                </c:pt>
                <c:pt idx="1414">
                  <c:v>186.47999999999996</c:v>
                </c:pt>
                <c:pt idx="1415">
                  <c:v>186.61319999999998</c:v>
                </c:pt>
                <c:pt idx="1416">
                  <c:v>186.74639999999999</c:v>
                </c:pt>
                <c:pt idx="1417">
                  <c:v>186.87959999999998</c:v>
                </c:pt>
                <c:pt idx="1418">
                  <c:v>187.0128</c:v>
                </c:pt>
                <c:pt idx="1419">
                  <c:v>187.14599999999996</c:v>
                </c:pt>
                <c:pt idx="1420">
                  <c:v>187.27919999999997</c:v>
                </c:pt>
                <c:pt idx="1421">
                  <c:v>187.41239999999999</c:v>
                </c:pt>
                <c:pt idx="1422">
                  <c:v>187.54559999999998</c:v>
                </c:pt>
                <c:pt idx="1423">
                  <c:v>187.6788</c:v>
                </c:pt>
                <c:pt idx="1424">
                  <c:v>187.81199999999998</c:v>
                </c:pt>
                <c:pt idx="1425">
                  <c:v>187.94519999999997</c:v>
                </c:pt>
                <c:pt idx="1426">
                  <c:v>188.07839999999999</c:v>
                </c:pt>
                <c:pt idx="1427">
                  <c:v>188.21159999999998</c:v>
                </c:pt>
                <c:pt idx="1428">
                  <c:v>188.34479999999999</c:v>
                </c:pt>
                <c:pt idx="1429">
                  <c:v>188.47799999999998</c:v>
                </c:pt>
                <c:pt idx="1430">
                  <c:v>188.6112</c:v>
                </c:pt>
                <c:pt idx="1431">
                  <c:v>188.74439999999998</c:v>
                </c:pt>
                <c:pt idx="1432">
                  <c:v>188.87759999999997</c:v>
                </c:pt>
                <c:pt idx="1433">
                  <c:v>189.01079999999999</c:v>
                </c:pt>
                <c:pt idx="1434">
                  <c:v>189.14399999999998</c:v>
                </c:pt>
                <c:pt idx="1435">
                  <c:v>189.27719999999999</c:v>
                </c:pt>
                <c:pt idx="1436">
                  <c:v>189.41039999999998</c:v>
                </c:pt>
                <c:pt idx="1437">
                  <c:v>189.54359999999997</c:v>
                </c:pt>
                <c:pt idx="1438">
                  <c:v>189.67679999999999</c:v>
                </c:pt>
                <c:pt idx="1439">
                  <c:v>189.80999999999997</c:v>
                </c:pt>
                <c:pt idx="1440">
                  <c:v>189.94319999999999</c:v>
                </c:pt>
                <c:pt idx="1441">
                  <c:v>190.07640000000001</c:v>
                </c:pt>
                <c:pt idx="1442">
                  <c:v>190.20959999999997</c:v>
                </c:pt>
                <c:pt idx="1443">
                  <c:v>190.34279999999998</c:v>
                </c:pt>
                <c:pt idx="1444">
                  <c:v>190.47599999999997</c:v>
                </c:pt>
                <c:pt idx="1445">
                  <c:v>190.60919999999999</c:v>
                </c:pt>
                <c:pt idx="1446">
                  <c:v>190.7424</c:v>
                </c:pt>
                <c:pt idx="1447">
                  <c:v>190.87559999999996</c:v>
                </c:pt>
                <c:pt idx="1448">
                  <c:v>191.00879999999998</c:v>
                </c:pt>
                <c:pt idx="1449">
                  <c:v>191.14199999999997</c:v>
                </c:pt>
                <c:pt idx="1450">
                  <c:v>191.27519999999998</c:v>
                </c:pt>
                <c:pt idx="1451">
                  <c:v>191.4084</c:v>
                </c:pt>
                <c:pt idx="1452">
                  <c:v>191.54159999999999</c:v>
                </c:pt>
                <c:pt idx="1453">
                  <c:v>191.67479999999998</c:v>
                </c:pt>
                <c:pt idx="1454">
                  <c:v>191.80799999999996</c:v>
                </c:pt>
                <c:pt idx="1455">
                  <c:v>191.94119999999998</c:v>
                </c:pt>
                <c:pt idx="1456">
                  <c:v>192.0744</c:v>
                </c:pt>
                <c:pt idx="1457">
                  <c:v>192.20759999999999</c:v>
                </c:pt>
                <c:pt idx="1458">
                  <c:v>192.3408</c:v>
                </c:pt>
                <c:pt idx="1459">
                  <c:v>192.47399999999996</c:v>
                </c:pt>
                <c:pt idx="1460">
                  <c:v>192.60719999999998</c:v>
                </c:pt>
                <c:pt idx="1461">
                  <c:v>192.74039999999999</c:v>
                </c:pt>
                <c:pt idx="1462">
                  <c:v>192.87359999999998</c:v>
                </c:pt>
                <c:pt idx="1463">
                  <c:v>193.0068</c:v>
                </c:pt>
                <c:pt idx="1464">
                  <c:v>193.13999999999996</c:v>
                </c:pt>
                <c:pt idx="1465">
                  <c:v>193.27319999999997</c:v>
                </c:pt>
                <c:pt idx="1466">
                  <c:v>193.40639999999999</c:v>
                </c:pt>
                <c:pt idx="1467">
                  <c:v>193.53959999999998</c:v>
                </c:pt>
                <c:pt idx="1468">
                  <c:v>193.6728</c:v>
                </c:pt>
                <c:pt idx="1469">
                  <c:v>193.80599999999998</c:v>
                </c:pt>
                <c:pt idx="1470">
                  <c:v>193.93919999999997</c:v>
                </c:pt>
                <c:pt idx="1471">
                  <c:v>194.07239999999999</c:v>
                </c:pt>
                <c:pt idx="1472">
                  <c:v>194.20559999999998</c:v>
                </c:pt>
                <c:pt idx="1473">
                  <c:v>194.33879999999999</c:v>
                </c:pt>
                <c:pt idx="1474">
                  <c:v>194.47199999999998</c:v>
                </c:pt>
                <c:pt idx="1475">
                  <c:v>194.6052</c:v>
                </c:pt>
                <c:pt idx="1476">
                  <c:v>194.73839999999998</c:v>
                </c:pt>
                <c:pt idx="1477">
                  <c:v>194.87159999999997</c:v>
                </c:pt>
                <c:pt idx="1478">
                  <c:v>195.00479999999999</c:v>
                </c:pt>
                <c:pt idx="1479">
                  <c:v>195.13799999999998</c:v>
                </c:pt>
                <c:pt idx="1480">
                  <c:v>195.27119999999999</c:v>
                </c:pt>
                <c:pt idx="1481">
                  <c:v>195.40439999999998</c:v>
                </c:pt>
                <c:pt idx="1482">
                  <c:v>195.53759999999997</c:v>
                </c:pt>
                <c:pt idx="1483">
                  <c:v>195.67079999999999</c:v>
                </c:pt>
                <c:pt idx="1484">
                  <c:v>195.80399999999997</c:v>
                </c:pt>
                <c:pt idx="1485">
                  <c:v>195.93719999999999</c:v>
                </c:pt>
                <c:pt idx="1486">
                  <c:v>196.07040000000001</c:v>
                </c:pt>
                <c:pt idx="1487">
                  <c:v>196.20359999999997</c:v>
                </c:pt>
                <c:pt idx="1488">
                  <c:v>196.33679999999998</c:v>
                </c:pt>
                <c:pt idx="1489">
                  <c:v>196.46999999999997</c:v>
                </c:pt>
                <c:pt idx="1490">
                  <c:v>196.60319999999999</c:v>
                </c:pt>
                <c:pt idx="1491">
                  <c:v>196.7364</c:v>
                </c:pt>
                <c:pt idx="1492">
                  <c:v>196.86959999999996</c:v>
                </c:pt>
                <c:pt idx="1493">
                  <c:v>197.00279999999998</c:v>
                </c:pt>
                <c:pt idx="1494">
                  <c:v>197.13599999999997</c:v>
                </c:pt>
                <c:pt idx="1495">
                  <c:v>197.26919999999998</c:v>
                </c:pt>
                <c:pt idx="1496">
                  <c:v>197.4024</c:v>
                </c:pt>
                <c:pt idx="1497">
                  <c:v>197.53559999999999</c:v>
                </c:pt>
                <c:pt idx="1498">
                  <c:v>197.66879999999998</c:v>
                </c:pt>
                <c:pt idx="1499">
                  <c:v>197.80199999999996</c:v>
                </c:pt>
                <c:pt idx="1500">
                  <c:v>197.93519999999998</c:v>
                </c:pt>
                <c:pt idx="1501">
                  <c:v>198.0684</c:v>
                </c:pt>
                <c:pt idx="1502">
                  <c:v>198.20159999999998</c:v>
                </c:pt>
                <c:pt idx="1503">
                  <c:v>198.3348</c:v>
                </c:pt>
                <c:pt idx="1504">
                  <c:v>198.46799999999996</c:v>
                </c:pt>
                <c:pt idx="1505">
                  <c:v>198.60119999999998</c:v>
                </c:pt>
                <c:pt idx="1506">
                  <c:v>198.73439999999999</c:v>
                </c:pt>
                <c:pt idx="1507">
                  <c:v>198.86759999999998</c:v>
                </c:pt>
                <c:pt idx="1508">
                  <c:v>199.0008</c:v>
                </c:pt>
                <c:pt idx="1509">
                  <c:v>199.13399999999996</c:v>
                </c:pt>
                <c:pt idx="1510">
                  <c:v>199.26719999999997</c:v>
                </c:pt>
                <c:pt idx="1511">
                  <c:v>199.40039999999999</c:v>
                </c:pt>
                <c:pt idx="1512">
                  <c:v>199.53359999999998</c:v>
                </c:pt>
                <c:pt idx="1513">
                  <c:v>199.66679999999999</c:v>
                </c:pt>
                <c:pt idx="1514">
                  <c:v>199.79999999999998</c:v>
                </c:pt>
                <c:pt idx="1515">
                  <c:v>199.93319999999997</c:v>
                </c:pt>
                <c:pt idx="1516">
                  <c:v>200.06639999999999</c:v>
                </c:pt>
                <c:pt idx="1517">
                  <c:v>200.19959999999998</c:v>
                </c:pt>
                <c:pt idx="1518">
                  <c:v>200.33279999999999</c:v>
                </c:pt>
                <c:pt idx="1519">
                  <c:v>200.46599999999998</c:v>
                </c:pt>
                <c:pt idx="1520">
                  <c:v>200.5992</c:v>
                </c:pt>
                <c:pt idx="1521">
                  <c:v>200.73239999999998</c:v>
                </c:pt>
                <c:pt idx="1522">
                  <c:v>200.86559999999997</c:v>
                </c:pt>
                <c:pt idx="1523">
                  <c:v>200.99879999999999</c:v>
                </c:pt>
                <c:pt idx="1524">
                  <c:v>201.13199999999998</c:v>
                </c:pt>
                <c:pt idx="1525">
                  <c:v>201.26519999999999</c:v>
                </c:pt>
                <c:pt idx="1526">
                  <c:v>201.39839999999998</c:v>
                </c:pt>
                <c:pt idx="1527">
                  <c:v>201.53159999999997</c:v>
                </c:pt>
                <c:pt idx="1528">
                  <c:v>201.66479999999999</c:v>
                </c:pt>
                <c:pt idx="1529">
                  <c:v>201.79799999999997</c:v>
                </c:pt>
                <c:pt idx="1530">
                  <c:v>201.93119999999999</c:v>
                </c:pt>
                <c:pt idx="1531">
                  <c:v>202.06440000000001</c:v>
                </c:pt>
                <c:pt idx="1532">
                  <c:v>202.19759999999997</c:v>
                </c:pt>
                <c:pt idx="1533">
                  <c:v>202.33079999999998</c:v>
                </c:pt>
                <c:pt idx="1534">
                  <c:v>202.46399999999997</c:v>
                </c:pt>
                <c:pt idx="1535">
                  <c:v>202.59719999999999</c:v>
                </c:pt>
                <c:pt idx="1536">
                  <c:v>202.7304</c:v>
                </c:pt>
                <c:pt idx="1537">
                  <c:v>202.86359999999996</c:v>
                </c:pt>
                <c:pt idx="1538">
                  <c:v>202.99679999999998</c:v>
                </c:pt>
                <c:pt idx="1539">
                  <c:v>203.12999999999997</c:v>
                </c:pt>
                <c:pt idx="1540">
                  <c:v>203.26319999999998</c:v>
                </c:pt>
                <c:pt idx="1541">
                  <c:v>203.3964</c:v>
                </c:pt>
                <c:pt idx="1542">
                  <c:v>203.52959999999999</c:v>
                </c:pt>
                <c:pt idx="1543">
                  <c:v>203.66279999999998</c:v>
                </c:pt>
                <c:pt idx="1544">
                  <c:v>203.79599999999996</c:v>
                </c:pt>
                <c:pt idx="1545">
                  <c:v>203.92919999999998</c:v>
                </c:pt>
                <c:pt idx="1546">
                  <c:v>204.0624</c:v>
                </c:pt>
                <c:pt idx="1547">
                  <c:v>204.19559999999998</c:v>
                </c:pt>
                <c:pt idx="1548">
                  <c:v>204.3288</c:v>
                </c:pt>
                <c:pt idx="1549">
                  <c:v>204.46199999999996</c:v>
                </c:pt>
                <c:pt idx="1550">
                  <c:v>204.59519999999998</c:v>
                </c:pt>
                <c:pt idx="1551">
                  <c:v>204.72839999999999</c:v>
                </c:pt>
                <c:pt idx="1552">
                  <c:v>204.86159999999998</c:v>
                </c:pt>
                <c:pt idx="1553">
                  <c:v>204.9948</c:v>
                </c:pt>
                <c:pt idx="1554">
                  <c:v>205.12799999999996</c:v>
                </c:pt>
                <c:pt idx="1555">
                  <c:v>205.26119999999997</c:v>
                </c:pt>
                <c:pt idx="1556">
                  <c:v>205.39439999999999</c:v>
                </c:pt>
                <c:pt idx="1557">
                  <c:v>205.52759999999998</c:v>
                </c:pt>
                <c:pt idx="1558">
                  <c:v>205.66079999999999</c:v>
                </c:pt>
                <c:pt idx="1559">
                  <c:v>205.79399999999998</c:v>
                </c:pt>
                <c:pt idx="1560">
                  <c:v>205.92719999999997</c:v>
                </c:pt>
                <c:pt idx="1561">
                  <c:v>206.06039999999999</c:v>
                </c:pt>
                <c:pt idx="1562">
                  <c:v>206.19359999999998</c:v>
                </c:pt>
                <c:pt idx="1563">
                  <c:v>206.32679999999999</c:v>
                </c:pt>
                <c:pt idx="1564">
                  <c:v>206.45999999999998</c:v>
                </c:pt>
                <c:pt idx="1565">
                  <c:v>206.5932</c:v>
                </c:pt>
                <c:pt idx="1566">
                  <c:v>206.72639999999998</c:v>
                </c:pt>
                <c:pt idx="1567">
                  <c:v>206.85959999999997</c:v>
                </c:pt>
                <c:pt idx="1568">
                  <c:v>206.99279999999999</c:v>
                </c:pt>
                <c:pt idx="1569">
                  <c:v>207.12599999999998</c:v>
                </c:pt>
                <c:pt idx="1570">
                  <c:v>207.25919999999999</c:v>
                </c:pt>
                <c:pt idx="1571">
                  <c:v>207.39239999999998</c:v>
                </c:pt>
                <c:pt idx="1572">
                  <c:v>207.52559999999997</c:v>
                </c:pt>
                <c:pt idx="1573">
                  <c:v>207.65879999999999</c:v>
                </c:pt>
                <c:pt idx="1574">
                  <c:v>207.79199999999997</c:v>
                </c:pt>
                <c:pt idx="1575">
                  <c:v>207.92519999999999</c:v>
                </c:pt>
                <c:pt idx="1576">
                  <c:v>208.05840000000001</c:v>
                </c:pt>
                <c:pt idx="1577">
                  <c:v>208.19159999999997</c:v>
                </c:pt>
                <c:pt idx="1578">
                  <c:v>208.32479999999998</c:v>
                </c:pt>
                <c:pt idx="1579">
                  <c:v>208.45799999999997</c:v>
                </c:pt>
                <c:pt idx="1580">
                  <c:v>208.59119999999999</c:v>
                </c:pt>
                <c:pt idx="1581">
                  <c:v>208.7244</c:v>
                </c:pt>
                <c:pt idx="1582">
                  <c:v>208.85759999999999</c:v>
                </c:pt>
                <c:pt idx="1583">
                  <c:v>208.99079999999998</c:v>
                </c:pt>
                <c:pt idx="1584">
                  <c:v>209.12399999999997</c:v>
                </c:pt>
                <c:pt idx="1585">
                  <c:v>209.25719999999998</c:v>
                </c:pt>
                <c:pt idx="1586">
                  <c:v>209.3904</c:v>
                </c:pt>
                <c:pt idx="1587">
                  <c:v>209.52359999999999</c:v>
                </c:pt>
                <c:pt idx="1588">
                  <c:v>209.65679999999998</c:v>
                </c:pt>
                <c:pt idx="1589">
                  <c:v>209.78999999999996</c:v>
                </c:pt>
                <c:pt idx="1590">
                  <c:v>209.92319999999998</c:v>
                </c:pt>
                <c:pt idx="1591">
                  <c:v>210.0564</c:v>
                </c:pt>
                <c:pt idx="1592">
                  <c:v>210.18959999999998</c:v>
                </c:pt>
                <c:pt idx="1593">
                  <c:v>210.3228</c:v>
                </c:pt>
                <c:pt idx="1594">
                  <c:v>210.45599999999996</c:v>
                </c:pt>
                <c:pt idx="1595">
                  <c:v>210.58919999999998</c:v>
                </c:pt>
                <c:pt idx="1596">
                  <c:v>210.72239999999999</c:v>
                </c:pt>
                <c:pt idx="1597">
                  <c:v>210.85559999999998</c:v>
                </c:pt>
                <c:pt idx="1598">
                  <c:v>210.9888</c:v>
                </c:pt>
                <c:pt idx="1599">
                  <c:v>211.12199999999996</c:v>
                </c:pt>
                <c:pt idx="1600">
                  <c:v>211.25519999999997</c:v>
                </c:pt>
                <c:pt idx="1601">
                  <c:v>211.38839999999999</c:v>
                </c:pt>
                <c:pt idx="1602">
                  <c:v>211.52159999999998</c:v>
                </c:pt>
                <c:pt idx="1603">
                  <c:v>211.65479999999999</c:v>
                </c:pt>
                <c:pt idx="1604">
                  <c:v>211.78799999999998</c:v>
                </c:pt>
                <c:pt idx="1605">
                  <c:v>211.92119999999997</c:v>
                </c:pt>
                <c:pt idx="1606">
                  <c:v>212.05439999999999</c:v>
                </c:pt>
                <c:pt idx="1607">
                  <c:v>212.18759999999997</c:v>
                </c:pt>
                <c:pt idx="1608">
                  <c:v>212.32079999999999</c:v>
                </c:pt>
                <c:pt idx="1609">
                  <c:v>212.45399999999998</c:v>
                </c:pt>
                <c:pt idx="1610">
                  <c:v>212.5872</c:v>
                </c:pt>
                <c:pt idx="1611">
                  <c:v>212.72039999999998</c:v>
                </c:pt>
                <c:pt idx="1612">
                  <c:v>212.85359999999997</c:v>
                </c:pt>
                <c:pt idx="1613">
                  <c:v>212.98679999999999</c:v>
                </c:pt>
                <c:pt idx="1614">
                  <c:v>213.11999999999998</c:v>
                </c:pt>
                <c:pt idx="1615">
                  <c:v>213.25319999999999</c:v>
                </c:pt>
                <c:pt idx="1616">
                  <c:v>213.38639999999998</c:v>
                </c:pt>
                <c:pt idx="1617">
                  <c:v>213.51959999999997</c:v>
                </c:pt>
                <c:pt idx="1618">
                  <c:v>213.65279999999998</c:v>
                </c:pt>
                <c:pt idx="1619">
                  <c:v>213.78599999999997</c:v>
                </c:pt>
                <c:pt idx="1620">
                  <c:v>213.78599999999997</c:v>
                </c:pt>
                <c:pt idx="1621">
                  <c:v>213.91919999999999</c:v>
                </c:pt>
                <c:pt idx="1622">
                  <c:v>214.05240000000001</c:v>
                </c:pt>
                <c:pt idx="1623">
                  <c:v>214.18559999999997</c:v>
                </c:pt>
                <c:pt idx="1624">
                  <c:v>214.31879999999998</c:v>
                </c:pt>
                <c:pt idx="1625">
                  <c:v>214.45199999999997</c:v>
                </c:pt>
                <c:pt idx="1626">
                  <c:v>214.58519999999999</c:v>
                </c:pt>
                <c:pt idx="1627">
                  <c:v>214.7184</c:v>
                </c:pt>
                <c:pt idx="1628">
                  <c:v>214.85159999999999</c:v>
                </c:pt>
                <c:pt idx="1629">
                  <c:v>214.98479999999998</c:v>
                </c:pt>
                <c:pt idx="1630">
                  <c:v>215.11799999999997</c:v>
                </c:pt>
                <c:pt idx="1631">
                  <c:v>215.25119999999998</c:v>
                </c:pt>
                <c:pt idx="1632">
                  <c:v>215.3844</c:v>
                </c:pt>
                <c:pt idx="1633">
                  <c:v>215.51759999999999</c:v>
                </c:pt>
                <c:pt idx="1634">
                  <c:v>215.65079999999998</c:v>
                </c:pt>
                <c:pt idx="1635">
                  <c:v>215.78399999999996</c:v>
                </c:pt>
                <c:pt idx="1636">
                  <c:v>215.91719999999998</c:v>
                </c:pt>
                <c:pt idx="1637">
                  <c:v>216.0504</c:v>
                </c:pt>
                <c:pt idx="1638">
                  <c:v>216.18359999999998</c:v>
                </c:pt>
                <c:pt idx="1639">
                  <c:v>216.3168</c:v>
                </c:pt>
                <c:pt idx="1640">
                  <c:v>216.44999999999996</c:v>
                </c:pt>
                <c:pt idx="1641">
                  <c:v>216.58319999999998</c:v>
                </c:pt>
                <c:pt idx="1642">
                  <c:v>216.71639999999999</c:v>
                </c:pt>
                <c:pt idx="1643">
                  <c:v>216.84959999999998</c:v>
                </c:pt>
                <c:pt idx="1644">
                  <c:v>216.9828</c:v>
                </c:pt>
                <c:pt idx="1645">
                  <c:v>217.11599999999996</c:v>
                </c:pt>
                <c:pt idx="1646">
                  <c:v>217.24919999999997</c:v>
                </c:pt>
                <c:pt idx="1647">
                  <c:v>217.38239999999999</c:v>
                </c:pt>
                <c:pt idx="1648">
                  <c:v>217.51559999999998</c:v>
                </c:pt>
                <c:pt idx="1649">
                  <c:v>217.64879999999999</c:v>
                </c:pt>
                <c:pt idx="1650">
                  <c:v>217.78199999999998</c:v>
                </c:pt>
                <c:pt idx="1651">
                  <c:v>217.91519999999997</c:v>
                </c:pt>
                <c:pt idx="1652">
                  <c:v>218.04839999999999</c:v>
                </c:pt>
                <c:pt idx="1653">
                  <c:v>218.18159999999997</c:v>
                </c:pt>
                <c:pt idx="1654">
                  <c:v>218.31479999999999</c:v>
                </c:pt>
                <c:pt idx="1655">
                  <c:v>218.44799999999998</c:v>
                </c:pt>
                <c:pt idx="1656">
                  <c:v>218.5812</c:v>
                </c:pt>
                <c:pt idx="1657">
                  <c:v>218.71439999999998</c:v>
                </c:pt>
                <c:pt idx="1658">
                  <c:v>218.84759999999997</c:v>
                </c:pt>
                <c:pt idx="1659">
                  <c:v>218.98079999999999</c:v>
                </c:pt>
                <c:pt idx="1660">
                  <c:v>219.11399999999998</c:v>
                </c:pt>
                <c:pt idx="1661">
                  <c:v>219.24719999999999</c:v>
                </c:pt>
                <c:pt idx="1662">
                  <c:v>219.38039999999998</c:v>
                </c:pt>
                <c:pt idx="1663">
                  <c:v>219.51359999999997</c:v>
                </c:pt>
                <c:pt idx="1664">
                  <c:v>219.64679999999998</c:v>
                </c:pt>
                <c:pt idx="1665">
                  <c:v>219.77999999999997</c:v>
                </c:pt>
                <c:pt idx="1666">
                  <c:v>219.91319999999999</c:v>
                </c:pt>
                <c:pt idx="1667">
                  <c:v>220.04640000000001</c:v>
                </c:pt>
                <c:pt idx="1668">
                  <c:v>220.17959999999997</c:v>
                </c:pt>
                <c:pt idx="1669">
                  <c:v>220.31279999999998</c:v>
                </c:pt>
                <c:pt idx="1670">
                  <c:v>220.44599999999997</c:v>
                </c:pt>
                <c:pt idx="1671">
                  <c:v>220.57919999999999</c:v>
                </c:pt>
                <c:pt idx="1672">
                  <c:v>220.7124</c:v>
                </c:pt>
                <c:pt idx="1673">
                  <c:v>220.84559999999999</c:v>
                </c:pt>
                <c:pt idx="1674">
                  <c:v>220.97879999999998</c:v>
                </c:pt>
                <c:pt idx="1675">
                  <c:v>221.11199999999997</c:v>
                </c:pt>
                <c:pt idx="1676">
                  <c:v>221.24519999999998</c:v>
                </c:pt>
                <c:pt idx="1677">
                  <c:v>221.3784</c:v>
                </c:pt>
                <c:pt idx="1678">
                  <c:v>221.51159999999999</c:v>
                </c:pt>
                <c:pt idx="1679">
                  <c:v>221.64479999999998</c:v>
                </c:pt>
                <c:pt idx="1680">
                  <c:v>221.77799999999996</c:v>
                </c:pt>
                <c:pt idx="1681">
                  <c:v>221.91119999999998</c:v>
                </c:pt>
                <c:pt idx="1682">
                  <c:v>222.0444</c:v>
                </c:pt>
                <c:pt idx="1683">
                  <c:v>222.17759999999998</c:v>
                </c:pt>
                <c:pt idx="1684">
                  <c:v>222.3108</c:v>
                </c:pt>
                <c:pt idx="1685">
                  <c:v>222.44399999999996</c:v>
                </c:pt>
                <c:pt idx="1686">
                  <c:v>222.57719999999998</c:v>
                </c:pt>
                <c:pt idx="1687">
                  <c:v>222.71039999999999</c:v>
                </c:pt>
                <c:pt idx="1688">
                  <c:v>222.84359999999998</c:v>
                </c:pt>
                <c:pt idx="1689">
                  <c:v>222.9768</c:v>
                </c:pt>
                <c:pt idx="1690">
                  <c:v>223.10999999999996</c:v>
                </c:pt>
                <c:pt idx="1691">
                  <c:v>223.24319999999997</c:v>
                </c:pt>
                <c:pt idx="1692">
                  <c:v>223.37639999999999</c:v>
                </c:pt>
                <c:pt idx="1693">
                  <c:v>223.50959999999998</c:v>
                </c:pt>
                <c:pt idx="1694">
                  <c:v>223.64279999999999</c:v>
                </c:pt>
                <c:pt idx="1695">
                  <c:v>223.77599999999998</c:v>
                </c:pt>
                <c:pt idx="1696">
                  <c:v>223.90919999999997</c:v>
                </c:pt>
                <c:pt idx="1697">
                  <c:v>224.04239999999999</c:v>
                </c:pt>
                <c:pt idx="1698">
                  <c:v>224.17559999999997</c:v>
                </c:pt>
                <c:pt idx="1699">
                  <c:v>224.30879999999999</c:v>
                </c:pt>
                <c:pt idx="1700">
                  <c:v>224.44199999999998</c:v>
                </c:pt>
                <c:pt idx="1701">
                  <c:v>224.5752</c:v>
                </c:pt>
                <c:pt idx="1702">
                  <c:v>224.70839999999998</c:v>
                </c:pt>
                <c:pt idx="1703">
                  <c:v>224.84159999999997</c:v>
                </c:pt>
                <c:pt idx="1704">
                  <c:v>224.97479999999999</c:v>
                </c:pt>
                <c:pt idx="1705">
                  <c:v>225.10799999999998</c:v>
                </c:pt>
                <c:pt idx="1706">
                  <c:v>225.24119999999999</c:v>
                </c:pt>
                <c:pt idx="1707">
                  <c:v>225.37439999999998</c:v>
                </c:pt>
                <c:pt idx="1708">
                  <c:v>225.50759999999997</c:v>
                </c:pt>
                <c:pt idx="1709">
                  <c:v>225.64079999999998</c:v>
                </c:pt>
                <c:pt idx="1710">
                  <c:v>225.77399999999997</c:v>
                </c:pt>
                <c:pt idx="1711">
                  <c:v>225.90719999999999</c:v>
                </c:pt>
                <c:pt idx="1712">
                  <c:v>226.04040000000001</c:v>
                </c:pt>
                <c:pt idx="1713">
                  <c:v>226.17359999999996</c:v>
                </c:pt>
                <c:pt idx="1714">
                  <c:v>226.30679999999998</c:v>
                </c:pt>
                <c:pt idx="1715">
                  <c:v>226.43999999999997</c:v>
                </c:pt>
                <c:pt idx="1716">
                  <c:v>226.57319999999999</c:v>
                </c:pt>
                <c:pt idx="1717">
                  <c:v>226.7064</c:v>
                </c:pt>
                <c:pt idx="1718">
                  <c:v>226.83959999999999</c:v>
                </c:pt>
                <c:pt idx="1719">
                  <c:v>226.97279999999998</c:v>
                </c:pt>
                <c:pt idx="1720">
                  <c:v>227.10599999999997</c:v>
                </c:pt>
                <c:pt idx="1721">
                  <c:v>227.23919999999998</c:v>
                </c:pt>
                <c:pt idx="1722">
                  <c:v>227.3724</c:v>
                </c:pt>
                <c:pt idx="1723">
                  <c:v>227.50559999999999</c:v>
                </c:pt>
                <c:pt idx="1724">
                  <c:v>227.63879999999997</c:v>
                </c:pt>
                <c:pt idx="1725">
                  <c:v>227.77199999999996</c:v>
                </c:pt>
                <c:pt idx="1726">
                  <c:v>227.90519999999998</c:v>
                </c:pt>
                <c:pt idx="1727">
                  <c:v>228.0384</c:v>
                </c:pt>
                <c:pt idx="1728">
                  <c:v>228.17159999999998</c:v>
                </c:pt>
                <c:pt idx="1729">
                  <c:v>228.3048</c:v>
                </c:pt>
                <c:pt idx="1730">
                  <c:v>228.43799999999996</c:v>
                </c:pt>
                <c:pt idx="1731">
                  <c:v>228.57119999999998</c:v>
                </c:pt>
                <c:pt idx="1732">
                  <c:v>228.70439999999999</c:v>
                </c:pt>
                <c:pt idx="1733">
                  <c:v>228.83759999999998</c:v>
                </c:pt>
                <c:pt idx="1734">
                  <c:v>228.9708</c:v>
                </c:pt>
                <c:pt idx="1735">
                  <c:v>229.10399999999998</c:v>
                </c:pt>
                <c:pt idx="1736">
                  <c:v>229.23719999999997</c:v>
                </c:pt>
                <c:pt idx="1737">
                  <c:v>229.37039999999999</c:v>
                </c:pt>
                <c:pt idx="1738">
                  <c:v>229.50359999999998</c:v>
                </c:pt>
                <c:pt idx="1739">
                  <c:v>229.63679999999999</c:v>
                </c:pt>
                <c:pt idx="1740">
                  <c:v>229.76999999999998</c:v>
                </c:pt>
                <c:pt idx="1741">
                  <c:v>229.90319999999997</c:v>
                </c:pt>
                <c:pt idx="1742">
                  <c:v>230.03639999999999</c:v>
                </c:pt>
                <c:pt idx="1743">
                  <c:v>230.16959999999997</c:v>
                </c:pt>
                <c:pt idx="1744">
                  <c:v>230.30279999999999</c:v>
                </c:pt>
                <c:pt idx="1745">
                  <c:v>230.43599999999998</c:v>
                </c:pt>
                <c:pt idx="1746">
                  <c:v>230.5692</c:v>
                </c:pt>
                <c:pt idx="1747">
                  <c:v>230.70239999999998</c:v>
                </c:pt>
                <c:pt idx="1748">
                  <c:v>230.83559999999997</c:v>
                </c:pt>
                <c:pt idx="1749">
                  <c:v>230.96879999999999</c:v>
                </c:pt>
                <c:pt idx="1750">
                  <c:v>231.10199999999998</c:v>
                </c:pt>
                <c:pt idx="1751">
                  <c:v>231.23519999999999</c:v>
                </c:pt>
                <c:pt idx="1752">
                  <c:v>231.36840000000001</c:v>
                </c:pt>
                <c:pt idx="1753">
                  <c:v>231.50159999999997</c:v>
                </c:pt>
                <c:pt idx="1754">
                  <c:v>231.63479999999998</c:v>
                </c:pt>
                <c:pt idx="1755">
                  <c:v>231.76799999999997</c:v>
                </c:pt>
                <c:pt idx="1756">
                  <c:v>231.90119999999999</c:v>
                </c:pt>
                <c:pt idx="1757">
                  <c:v>232.03440000000001</c:v>
                </c:pt>
                <c:pt idx="1758">
                  <c:v>232.16759999999996</c:v>
                </c:pt>
                <c:pt idx="1759">
                  <c:v>232.30079999999998</c:v>
                </c:pt>
                <c:pt idx="1760">
                  <c:v>232.43399999999997</c:v>
                </c:pt>
                <c:pt idx="1761">
                  <c:v>232.56719999999999</c:v>
                </c:pt>
                <c:pt idx="1762">
                  <c:v>232.7004</c:v>
                </c:pt>
                <c:pt idx="1763">
                  <c:v>232.83359999999999</c:v>
                </c:pt>
                <c:pt idx="1764">
                  <c:v>232.96679999999998</c:v>
                </c:pt>
                <c:pt idx="1765">
                  <c:v>233.09999999999997</c:v>
                </c:pt>
                <c:pt idx="1766">
                  <c:v>233.23319999999998</c:v>
                </c:pt>
                <c:pt idx="1767">
                  <c:v>233.3664</c:v>
                </c:pt>
                <c:pt idx="1768">
                  <c:v>233.49959999999999</c:v>
                </c:pt>
                <c:pt idx="1769">
                  <c:v>233.63279999999997</c:v>
                </c:pt>
                <c:pt idx="1770">
                  <c:v>233.76599999999996</c:v>
                </c:pt>
                <c:pt idx="1771">
                  <c:v>233.89919999999998</c:v>
                </c:pt>
                <c:pt idx="1772">
                  <c:v>234.0324</c:v>
                </c:pt>
                <c:pt idx="1773">
                  <c:v>234.16559999999998</c:v>
                </c:pt>
                <c:pt idx="1774">
                  <c:v>234.2988</c:v>
                </c:pt>
                <c:pt idx="1775">
                  <c:v>234.43199999999996</c:v>
                </c:pt>
                <c:pt idx="1776">
                  <c:v>234.56519999999998</c:v>
                </c:pt>
                <c:pt idx="1777">
                  <c:v>234.69839999999999</c:v>
                </c:pt>
                <c:pt idx="1778">
                  <c:v>234.83159999999998</c:v>
                </c:pt>
                <c:pt idx="1779">
                  <c:v>234.9648</c:v>
                </c:pt>
                <c:pt idx="1780">
                  <c:v>235.09799999999998</c:v>
                </c:pt>
                <c:pt idx="1781">
                  <c:v>235.23119999999997</c:v>
                </c:pt>
                <c:pt idx="1782">
                  <c:v>235.36439999999999</c:v>
                </c:pt>
                <c:pt idx="1783">
                  <c:v>235.49759999999998</c:v>
                </c:pt>
                <c:pt idx="1784">
                  <c:v>235.63079999999999</c:v>
                </c:pt>
                <c:pt idx="1785">
                  <c:v>235.76399999999998</c:v>
                </c:pt>
                <c:pt idx="1786">
                  <c:v>235.89719999999997</c:v>
                </c:pt>
                <c:pt idx="1787">
                  <c:v>236.03039999999999</c:v>
                </c:pt>
                <c:pt idx="1788">
                  <c:v>236.16359999999997</c:v>
                </c:pt>
                <c:pt idx="1789">
                  <c:v>236.29679999999999</c:v>
                </c:pt>
                <c:pt idx="1790">
                  <c:v>236.42999999999998</c:v>
                </c:pt>
                <c:pt idx="1791">
                  <c:v>236.56319999999999</c:v>
                </c:pt>
                <c:pt idx="1792">
                  <c:v>236.69639999999998</c:v>
                </c:pt>
                <c:pt idx="1793">
                  <c:v>236.82959999999997</c:v>
                </c:pt>
                <c:pt idx="1794">
                  <c:v>236.96279999999999</c:v>
                </c:pt>
                <c:pt idx="1795">
                  <c:v>237.09599999999998</c:v>
                </c:pt>
                <c:pt idx="1796">
                  <c:v>237.22919999999999</c:v>
                </c:pt>
                <c:pt idx="1797">
                  <c:v>237.36240000000001</c:v>
                </c:pt>
                <c:pt idx="1798">
                  <c:v>237.49559999999997</c:v>
                </c:pt>
                <c:pt idx="1799">
                  <c:v>237.62879999999998</c:v>
                </c:pt>
                <c:pt idx="1800">
                  <c:v>237.76199999999997</c:v>
                </c:pt>
                <c:pt idx="1801">
                  <c:v>237.89519999999999</c:v>
                </c:pt>
                <c:pt idx="1802">
                  <c:v>238.0284</c:v>
                </c:pt>
                <c:pt idx="1803">
                  <c:v>238.16159999999996</c:v>
                </c:pt>
                <c:pt idx="1804">
                  <c:v>238.29479999999998</c:v>
                </c:pt>
                <c:pt idx="1805">
                  <c:v>238.42799999999997</c:v>
                </c:pt>
                <c:pt idx="1806">
                  <c:v>238.56119999999999</c:v>
                </c:pt>
                <c:pt idx="1807">
                  <c:v>238.69439999999997</c:v>
                </c:pt>
                <c:pt idx="1808">
                  <c:v>238.82759999999999</c:v>
                </c:pt>
                <c:pt idx="1809">
                  <c:v>238.96079999999998</c:v>
                </c:pt>
                <c:pt idx="1810">
                  <c:v>239.09399999999997</c:v>
                </c:pt>
                <c:pt idx="1811">
                  <c:v>239.22719999999998</c:v>
                </c:pt>
                <c:pt idx="1812">
                  <c:v>239.36039999999997</c:v>
                </c:pt>
                <c:pt idx="1813">
                  <c:v>239.49359999999999</c:v>
                </c:pt>
                <c:pt idx="1814">
                  <c:v>239.62679999999997</c:v>
                </c:pt>
                <c:pt idx="1815">
                  <c:v>239.75999999999996</c:v>
                </c:pt>
                <c:pt idx="1816">
                  <c:v>239.89319999999998</c:v>
                </c:pt>
                <c:pt idx="1817">
                  <c:v>240.02639999999997</c:v>
                </c:pt>
                <c:pt idx="1818">
                  <c:v>240.15959999999998</c:v>
                </c:pt>
                <c:pt idx="1819">
                  <c:v>240.2928</c:v>
                </c:pt>
                <c:pt idx="1820">
                  <c:v>240.42599999999996</c:v>
                </c:pt>
                <c:pt idx="1821">
                  <c:v>240.55919999999998</c:v>
                </c:pt>
                <c:pt idx="1822">
                  <c:v>240.69239999999996</c:v>
                </c:pt>
                <c:pt idx="1823">
                  <c:v>240.82559999999998</c:v>
                </c:pt>
                <c:pt idx="1824">
                  <c:v>240.9588</c:v>
                </c:pt>
                <c:pt idx="1825">
                  <c:v>241.09199999999998</c:v>
                </c:pt>
                <c:pt idx="1826">
                  <c:v>241.22519999999997</c:v>
                </c:pt>
                <c:pt idx="1827">
                  <c:v>241.35839999999996</c:v>
                </c:pt>
                <c:pt idx="1828">
                  <c:v>241.49159999999998</c:v>
                </c:pt>
                <c:pt idx="1829">
                  <c:v>241.62479999999999</c:v>
                </c:pt>
                <c:pt idx="1830">
                  <c:v>241.75799999999998</c:v>
                </c:pt>
                <c:pt idx="1831">
                  <c:v>241.89119999999997</c:v>
                </c:pt>
                <c:pt idx="1832">
                  <c:v>242.02439999999996</c:v>
                </c:pt>
                <c:pt idx="1833">
                  <c:v>242.15759999999997</c:v>
                </c:pt>
                <c:pt idx="1834">
                  <c:v>242.29079999999999</c:v>
                </c:pt>
                <c:pt idx="1835">
                  <c:v>242.42399999999998</c:v>
                </c:pt>
                <c:pt idx="1836">
                  <c:v>242.55719999999999</c:v>
                </c:pt>
                <c:pt idx="1837">
                  <c:v>242.69039999999995</c:v>
                </c:pt>
                <c:pt idx="1838">
                  <c:v>242.82359999999997</c:v>
                </c:pt>
                <c:pt idx="1839">
                  <c:v>242.95679999999999</c:v>
                </c:pt>
                <c:pt idx="1840">
                  <c:v>243.08999999999997</c:v>
                </c:pt>
                <c:pt idx="1841">
                  <c:v>243.22319999999999</c:v>
                </c:pt>
                <c:pt idx="1842">
                  <c:v>243.35639999999995</c:v>
                </c:pt>
                <c:pt idx="1843">
                  <c:v>243.48959999999997</c:v>
                </c:pt>
                <c:pt idx="1844">
                  <c:v>243.62279999999998</c:v>
                </c:pt>
                <c:pt idx="1845">
                  <c:v>243.75599999999997</c:v>
                </c:pt>
                <c:pt idx="1846">
                  <c:v>243.88919999999999</c:v>
                </c:pt>
                <c:pt idx="1847">
                  <c:v>244.02239999999998</c:v>
                </c:pt>
                <c:pt idx="1848">
                  <c:v>244.15559999999996</c:v>
                </c:pt>
                <c:pt idx="1849">
                  <c:v>244.28879999999998</c:v>
                </c:pt>
                <c:pt idx="1850">
                  <c:v>244.42199999999997</c:v>
                </c:pt>
                <c:pt idx="1851">
                  <c:v>244.55519999999999</c:v>
                </c:pt>
                <c:pt idx="1852">
                  <c:v>244.68839999999997</c:v>
                </c:pt>
                <c:pt idx="1853">
                  <c:v>244.82159999999999</c:v>
                </c:pt>
                <c:pt idx="1854">
                  <c:v>244.95479999999998</c:v>
                </c:pt>
                <c:pt idx="1855">
                  <c:v>245.08799999999997</c:v>
                </c:pt>
                <c:pt idx="1856">
                  <c:v>245.22119999999998</c:v>
                </c:pt>
                <c:pt idx="1857">
                  <c:v>245.35439999999997</c:v>
                </c:pt>
                <c:pt idx="1858">
                  <c:v>245.48759999999999</c:v>
                </c:pt>
                <c:pt idx="1859">
                  <c:v>245.62079999999997</c:v>
                </c:pt>
                <c:pt idx="1860">
                  <c:v>245.75399999999996</c:v>
                </c:pt>
                <c:pt idx="1861">
                  <c:v>245.88719999999998</c:v>
                </c:pt>
                <c:pt idx="1862">
                  <c:v>246.02039999999997</c:v>
                </c:pt>
                <c:pt idx="1863">
                  <c:v>246.15359999999998</c:v>
                </c:pt>
                <c:pt idx="1864">
                  <c:v>246.2868</c:v>
                </c:pt>
                <c:pt idx="1865">
                  <c:v>246.41999999999996</c:v>
                </c:pt>
                <c:pt idx="1866">
                  <c:v>246.55319999999998</c:v>
                </c:pt>
                <c:pt idx="1867">
                  <c:v>246.68639999999996</c:v>
                </c:pt>
                <c:pt idx="1868">
                  <c:v>246.81959999999998</c:v>
                </c:pt>
                <c:pt idx="1869">
                  <c:v>246.9528</c:v>
                </c:pt>
                <c:pt idx="1870">
                  <c:v>247.08599999999998</c:v>
                </c:pt>
                <c:pt idx="1871">
                  <c:v>247.21919999999997</c:v>
                </c:pt>
                <c:pt idx="1872">
                  <c:v>247.35239999999996</c:v>
                </c:pt>
                <c:pt idx="1873">
                  <c:v>247.48559999999998</c:v>
                </c:pt>
                <c:pt idx="1874">
                  <c:v>247.61879999999999</c:v>
                </c:pt>
                <c:pt idx="1875">
                  <c:v>247.75199999999998</c:v>
                </c:pt>
                <c:pt idx="1876">
                  <c:v>247.88519999999997</c:v>
                </c:pt>
                <c:pt idx="1877">
                  <c:v>248.01839999999996</c:v>
                </c:pt>
                <c:pt idx="1878">
                  <c:v>248.15159999999997</c:v>
                </c:pt>
                <c:pt idx="1879">
                  <c:v>248.28479999999999</c:v>
                </c:pt>
                <c:pt idx="1880">
                  <c:v>248.41799999999998</c:v>
                </c:pt>
                <c:pt idx="1881">
                  <c:v>248.55119999999999</c:v>
                </c:pt>
                <c:pt idx="1882">
                  <c:v>248.68439999999995</c:v>
                </c:pt>
                <c:pt idx="1883">
                  <c:v>248.81759999999997</c:v>
                </c:pt>
                <c:pt idx="1884">
                  <c:v>248.95079999999999</c:v>
                </c:pt>
                <c:pt idx="1885">
                  <c:v>249.08399999999997</c:v>
                </c:pt>
                <c:pt idx="1886">
                  <c:v>249.21719999999999</c:v>
                </c:pt>
                <c:pt idx="1887">
                  <c:v>249.35039999999998</c:v>
                </c:pt>
                <c:pt idx="1888">
                  <c:v>249.48359999999997</c:v>
                </c:pt>
                <c:pt idx="1889">
                  <c:v>249.61679999999998</c:v>
                </c:pt>
                <c:pt idx="1890">
                  <c:v>249.74999999999997</c:v>
                </c:pt>
                <c:pt idx="1891">
                  <c:v>249.88319999999999</c:v>
                </c:pt>
                <c:pt idx="1892">
                  <c:v>250.01639999999998</c:v>
                </c:pt>
                <c:pt idx="1893">
                  <c:v>250.14959999999996</c:v>
                </c:pt>
                <c:pt idx="1894">
                  <c:v>250.28279999999998</c:v>
                </c:pt>
                <c:pt idx="1895">
                  <c:v>250.41599999999997</c:v>
                </c:pt>
                <c:pt idx="1896">
                  <c:v>250.54919999999998</c:v>
                </c:pt>
                <c:pt idx="1897">
                  <c:v>250.68239999999997</c:v>
                </c:pt>
                <c:pt idx="1898">
                  <c:v>250.81559999999999</c:v>
                </c:pt>
                <c:pt idx="1899">
                  <c:v>250.94879999999998</c:v>
                </c:pt>
                <c:pt idx="1900">
                  <c:v>251.08199999999997</c:v>
                </c:pt>
                <c:pt idx="1901">
                  <c:v>251.21519999999998</c:v>
                </c:pt>
                <c:pt idx="1902">
                  <c:v>251.34839999999997</c:v>
                </c:pt>
                <c:pt idx="1903">
                  <c:v>251.48159999999999</c:v>
                </c:pt>
                <c:pt idx="1904">
                  <c:v>251.6148</c:v>
                </c:pt>
                <c:pt idx="1905">
                  <c:v>251.74799999999996</c:v>
                </c:pt>
                <c:pt idx="1906">
                  <c:v>251.88119999999998</c:v>
                </c:pt>
                <c:pt idx="1907">
                  <c:v>252.01439999999997</c:v>
                </c:pt>
                <c:pt idx="1908">
                  <c:v>252.14759999999998</c:v>
                </c:pt>
                <c:pt idx="1909">
                  <c:v>252.2808</c:v>
                </c:pt>
                <c:pt idx="1910">
                  <c:v>252.41399999999996</c:v>
                </c:pt>
                <c:pt idx="1911">
                  <c:v>252.54719999999998</c:v>
                </c:pt>
                <c:pt idx="1912">
                  <c:v>252.68039999999996</c:v>
                </c:pt>
                <c:pt idx="1913">
                  <c:v>252.81359999999998</c:v>
                </c:pt>
                <c:pt idx="1914">
                  <c:v>252.9468</c:v>
                </c:pt>
                <c:pt idx="1915">
                  <c:v>253.07999999999998</c:v>
                </c:pt>
                <c:pt idx="1916">
                  <c:v>253.21319999999997</c:v>
                </c:pt>
                <c:pt idx="1917">
                  <c:v>253.34639999999996</c:v>
                </c:pt>
                <c:pt idx="1918">
                  <c:v>253.47959999999998</c:v>
                </c:pt>
                <c:pt idx="1919">
                  <c:v>253.61279999999999</c:v>
                </c:pt>
                <c:pt idx="1920">
                  <c:v>253.74599999999998</c:v>
                </c:pt>
                <c:pt idx="1921">
                  <c:v>253.87919999999997</c:v>
                </c:pt>
                <c:pt idx="1922">
                  <c:v>254.01239999999996</c:v>
                </c:pt>
                <c:pt idx="1923">
                  <c:v>254.14559999999997</c:v>
                </c:pt>
                <c:pt idx="1924">
                  <c:v>254.27879999999999</c:v>
                </c:pt>
                <c:pt idx="1925">
                  <c:v>254.41199999999998</c:v>
                </c:pt>
                <c:pt idx="1926">
                  <c:v>254.54519999999999</c:v>
                </c:pt>
                <c:pt idx="1927">
                  <c:v>254.67839999999995</c:v>
                </c:pt>
                <c:pt idx="1928">
                  <c:v>254.81159999999997</c:v>
                </c:pt>
                <c:pt idx="1929">
                  <c:v>254.94479999999999</c:v>
                </c:pt>
                <c:pt idx="1930">
                  <c:v>255.07799999999997</c:v>
                </c:pt>
                <c:pt idx="1931">
                  <c:v>255.21119999999999</c:v>
                </c:pt>
                <c:pt idx="1932">
                  <c:v>255.34439999999998</c:v>
                </c:pt>
                <c:pt idx="1933">
                  <c:v>255.47759999999997</c:v>
                </c:pt>
                <c:pt idx="1934">
                  <c:v>255.61079999999998</c:v>
                </c:pt>
                <c:pt idx="1935">
                  <c:v>255.74399999999997</c:v>
                </c:pt>
                <c:pt idx="1936">
                  <c:v>255.87719999999999</c:v>
                </c:pt>
                <c:pt idx="1937">
                  <c:v>256.01039999999995</c:v>
                </c:pt>
                <c:pt idx="1938">
                  <c:v>256.14359999999999</c:v>
                </c:pt>
                <c:pt idx="1939">
                  <c:v>256.27679999999998</c:v>
                </c:pt>
                <c:pt idx="1940">
                  <c:v>256.40999999999997</c:v>
                </c:pt>
                <c:pt idx="1941">
                  <c:v>256.54319999999996</c:v>
                </c:pt>
                <c:pt idx="1942">
                  <c:v>256.67639999999994</c:v>
                </c:pt>
                <c:pt idx="1943">
                  <c:v>256.80959999999999</c:v>
                </c:pt>
                <c:pt idx="1944">
                  <c:v>256.94279999999998</c:v>
                </c:pt>
                <c:pt idx="1945">
                  <c:v>257.07599999999996</c:v>
                </c:pt>
                <c:pt idx="1946">
                  <c:v>257.20920000000001</c:v>
                </c:pt>
                <c:pt idx="1947">
                  <c:v>257.34239999999994</c:v>
                </c:pt>
                <c:pt idx="1948">
                  <c:v>257.47559999999999</c:v>
                </c:pt>
                <c:pt idx="1949">
                  <c:v>257.60879999999997</c:v>
                </c:pt>
                <c:pt idx="1950">
                  <c:v>257.74199999999996</c:v>
                </c:pt>
                <c:pt idx="1951">
                  <c:v>257.87520000000001</c:v>
                </c:pt>
                <c:pt idx="1952">
                  <c:v>258.00839999999994</c:v>
                </c:pt>
                <c:pt idx="1953">
                  <c:v>258.14159999999998</c:v>
                </c:pt>
                <c:pt idx="1954">
                  <c:v>258.27479999999997</c:v>
                </c:pt>
                <c:pt idx="1955">
                  <c:v>258.40799999999996</c:v>
                </c:pt>
                <c:pt idx="1956">
                  <c:v>258.5412</c:v>
                </c:pt>
                <c:pt idx="1957">
                  <c:v>258.67439999999999</c:v>
                </c:pt>
                <c:pt idx="1958">
                  <c:v>258.80759999999998</c:v>
                </c:pt>
                <c:pt idx="1959">
                  <c:v>258.94079999999997</c:v>
                </c:pt>
                <c:pt idx="1960">
                  <c:v>259.07399999999996</c:v>
                </c:pt>
                <c:pt idx="1961">
                  <c:v>259.2072</c:v>
                </c:pt>
                <c:pt idx="1962">
                  <c:v>259.34039999999999</c:v>
                </c:pt>
                <c:pt idx="1963">
                  <c:v>259.47359999999998</c:v>
                </c:pt>
                <c:pt idx="1964">
                  <c:v>259.60679999999996</c:v>
                </c:pt>
                <c:pt idx="1965">
                  <c:v>259.73999999999995</c:v>
                </c:pt>
                <c:pt idx="1966">
                  <c:v>259.8732</c:v>
                </c:pt>
                <c:pt idx="1967">
                  <c:v>260.00639999999999</c:v>
                </c:pt>
                <c:pt idx="1968">
                  <c:v>260.13959999999997</c:v>
                </c:pt>
                <c:pt idx="1969">
                  <c:v>260.27279999999996</c:v>
                </c:pt>
                <c:pt idx="1970">
                  <c:v>260.40599999999995</c:v>
                </c:pt>
                <c:pt idx="1971">
                  <c:v>260.53919999999999</c:v>
                </c:pt>
                <c:pt idx="1972">
                  <c:v>260.67239999999998</c:v>
                </c:pt>
                <c:pt idx="1973">
                  <c:v>260.80559999999997</c:v>
                </c:pt>
                <c:pt idx="1974">
                  <c:v>260.93880000000001</c:v>
                </c:pt>
                <c:pt idx="1975">
                  <c:v>261.07199999999995</c:v>
                </c:pt>
                <c:pt idx="1976">
                  <c:v>261.20519999999999</c:v>
                </c:pt>
                <c:pt idx="1977">
                  <c:v>261.33839999999998</c:v>
                </c:pt>
                <c:pt idx="1978">
                  <c:v>261.47159999999997</c:v>
                </c:pt>
                <c:pt idx="1979">
                  <c:v>261.60480000000001</c:v>
                </c:pt>
                <c:pt idx="1980">
                  <c:v>261.73799999999994</c:v>
                </c:pt>
                <c:pt idx="1981">
                  <c:v>261.87119999999999</c:v>
                </c:pt>
                <c:pt idx="1982">
                  <c:v>262.00439999999998</c:v>
                </c:pt>
                <c:pt idx="1983">
                  <c:v>262.13759999999996</c:v>
                </c:pt>
                <c:pt idx="1984">
                  <c:v>262.27080000000001</c:v>
                </c:pt>
                <c:pt idx="1985">
                  <c:v>262.404</c:v>
                </c:pt>
                <c:pt idx="1986">
                  <c:v>262.53719999999993</c:v>
                </c:pt>
                <c:pt idx="1987">
                  <c:v>262.67039999999997</c:v>
                </c:pt>
                <c:pt idx="1988">
                  <c:v>262.80359999999996</c:v>
                </c:pt>
                <c:pt idx="1989">
                  <c:v>262.93680000000001</c:v>
                </c:pt>
                <c:pt idx="1990">
                  <c:v>263.07</c:v>
                </c:pt>
                <c:pt idx="1991">
                  <c:v>263.20319999999998</c:v>
                </c:pt>
                <c:pt idx="1992">
                  <c:v>263.33639999999997</c:v>
                </c:pt>
                <c:pt idx="1993">
                  <c:v>263.46959999999996</c:v>
                </c:pt>
                <c:pt idx="1994">
                  <c:v>263.6028</c:v>
                </c:pt>
                <c:pt idx="1995">
                  <c:v>263.73599999999999</c:v>
                </c:pt>
                <c:pt idx="1996">
                  <c:v>263.86919999999998</c:v>
                </c:pt>
                <c:pt idx="1997">
                  <c:v>264.00239999999997</c:v>
                </c:pt>
                <c:pt idx="1998">
                  <c:v>264.13559999999995</c:v>
                </c:pt>
                <c:pt idx="1999">
                  <c:v>264.2688</c:v>
                </c:pt>
                <c:pt idx="2000">
                  <c:v>264.40199999999999</c:v>
                </c:pt>
                <c:pt idx="2001">
                  <c:v>264.53519999999997</c:v>
                </c:pt>
                <c:pt idx="2002">
                  <c:v>264.66839999999996</c:v>
                </c:pt>
                <c:pt idx="2003">
                  <c:v>264.80159999999995</c:v>
                </c:pt>
                <c:pt idx="2004">
                  <c:v>264.9348</c:v>
                </c:pt>
                <c:pt idx="2005">
                  <c:v>265.06799999999998</c:v>
                </c:pt>
                <c:pt idx="2006">
                  <c:v>265.20119999999997</c:v>
                </c:pt>
                <c:pt idx="2007">
                  <c:v>265.33439999999996</c:v>
                </c:pt>
                <c:pt idx="2008">
                  <c:v>265.4676</c:v>
                </c:pt>
                <c:pt idx="2009">
                  <c:v>265.60079999999999</c:v>
                </c:pt>
                <c:pt idx="2010">
                  <c:v>265.73399999999998</c:v>
                </c:pt>
                <c:pt idx="2011">
                  <c:v>265.86719999999997</c:v>
                </c:pt>
                <c:pt idx="2012">
                  <c:v>266.00039999999996</c:v>
                </c:pt>
                <c:pt idx="2013">
                  <c:v>266.1336</c:v>
                </c:pt>
                <c:pt idx="2014">
                  <c:v>266.26679999999999</c:v>
                </c:pt>
                <c:pt idx="2015">
                  <c:v>266.39999999999998</c:v>
                </c:pt>
                <c:pt idx="2016">
                  <c:v>266.53319999999997</c:v>
                </c:pt>
                <c:pt idx="2017">
                  <c:v>266.66639999999995</c:v>
                </c:pt>
                <c:pt idx="2018">
                  <c:v>266.7996</c:v>
                </c:pt>
                <c:pt idx="2019">
                  <c:v>266.93279999999999</c:v>
                </c:pt>
                <c:pt idx="2020">
                  <c:v>267.06599999999997</c:v>
                </c:pt>
                <c:pt idx="2021">
                  <c:v>267.19919999999996</c:v>
                </c:pt>
                <c:pt idx="2022">
                  <c:v>267.33239999999995</c:v>
                </c:pt>
                <c:pt idx="2023">
                  <c:v>267.46559999999999</c:v>
                </c:pt>
                <c:pt idx="2024">
                  <c:v>267.59879999999998</c:v>
                </c:pt>
                <c:pt idx="2025">
                  <c:v>267.73200000000003</c:v>
                </c:pt>
                <c:pt idx="2026">
                  <c:v>267.86519999999996</c:v>
                </c:pt>
                <c:pt idx="2027">
                  <c:v>267.99839999999995</c:v>
                </c:pt>
                <c:pt idx="2028">
                  <c:v>268.13159999999999</c:v>
                </c:pt>
                <c:pt idx="2029">
                  <c:v>268.26479999999998</c:v>
                </c:pt>
                <c:pt idx="2030">
                  <c:v>268.39800000000002</c:v>
                </c:pt>
                <c:pt idx="2031">
                  <c:v>268.53119999999996</c:v>
                </c:pt>
                <c:pt idx="2032">
                  <c:v>268.66439999999994</c:v>
                </c:pt>
                <c:pt idx="2033">
                  <c:v>268.79759999999999</c:v>
                </c:pt>
                <c:pt idx="2034">
                  <c:v>268.93079999999998</c:v>
                </c:pt>
                <c:pt idx="2035">
                  <c:v>269.06400000000002</c:v>
                </c:pt>
                <c:pt idx="2036">
                  <c:v>269.19719999999995</c:v>
                </c:pt>
                <c:pt idx="2037">
                  <c:v>269.33039999999994</c:v>
                </c:pt>
                <c:pt idx="2038">
                  <c:v>269.46359999999999</c:v>
                </c:pt>
                <c:pt idx="2039">
                  <c:v>269.59679999999997</c:v>
                </c:pt>
                <c:pt idx="2040">
                  <c:v>269.73</c:v>
                </c:pt>
                <c:pt idx="2041">
                  <c:v>269.86319999999995</c:v>
                </c:pt>
                <c:pt idx="2042">
                  <c:v>269.99639999999994</c:v>
                </c:pt>
                <c:pt idx="2043">
                  <c:v>270.12959999999998</c:v>
                </c:pt>
                <c:pt idx="2044">
                  <c:v>270.26279999999997</c:v>
                </c:pt>
                <c:pt idx="2045">
                  <c:v>270.39600000000002</c:v>
                </c:pt>
                <c:pt idx="2046">
                  <c:v>270.52919999999995</c:v>
                </c:pt>
                <c:pt idx="2047">
                  <c:v>270.66239999999999</c:v>
                </c:pt>
                <c:pt idx="2048">
                  <c:v>270.79559999999998</c:v>
                </c:pt>
                <c:pt idx="2049">
                  <c:v>270.92879999999997</c:v>
                </c:pt>
                <c:pt idx="2050">
                  <c:v>271.06200000000001</c:v>
                </c:pt>
                <c:pt idx="2051">
                  <c:v>271.19519999999994</c:v>
                </c:pt>
                <c:pt idx="2052">
                  <c:v>271.32839999999999</c:v>
                </c:pt>
                <c:pt idx="2053">
                  <c:v>271.46159999999998</c:v>
                </c:pt>
                <c:pt idx="2054">
                  <c:v>271.59479999999996</c:v>
                </c:pt>
                <c:pt idx="2055">
                  <c:v>271.72800000000001</c:v>
                </c:pt>
                <c:pt idx="2056">
                  <c:v>271.86119999999994</c:v>
                </c:pt>
                <c:pt idx="2057">
                  <c:v>271.99439999999998</c:v>
                </c:pt>
                <c:pt idx="2058">
                  <c:v>272.12759999999997</c:v>
                </c:pt>
                <c:pt idx="2059">
                  <c:v>272.26079999999996</c:v>
                </c:pt>
                <c:pt idx="2060">
                  <c:v>272.39400000000001</c:v>
                </c:pt>
                <c:pt idx="2061">
                  <c:v>272.52719999999994</c:v>
                </c:pt>
                <c:pt idx="2062">
                  <c:v>272.66039999999998</c:v>
                </c:pt>
                <c:pt idx="2063">
                  <c:v>272.79359999999997</c:v>
                </c:pt>
                <c:pt idx="2064">
                  <c:v>272.92680000000001</c:v>
                </c:pt>
                <c:pt idx="2065">
                  <c:v>273.06</c:v>
                </c:pt>
                <c:pt idx="2066">
                  <c:v>273.19319999999993</c:v>
                </c:pt>
                <c:pt idx="2067">
                  <c:v>273.32639999999998</c:v>
                </c:pt>
                <c:pt idx="2068">
                  <c:v>273.45959999999997</c:v>
                </c:pt>
                <c:pt idx="2069">
                  <c:v>273.59280000000001</c:v>
                </c:pt>
                <c:pt idx="2070">
                  <c:v>273.726</c:v>
                </c:pt>
                <c:pt idx="2071">
                  <c:v>273.85919999999993</c:v>
                </c:pt>
                <c:pt idx="2072">
                  <c:v>273.99239999999998</c:v>
                </c:pt>
                <c:pt idx="2073">
                  <c:v>274.12559999999996</c:v>
                </c:pt>
                <c:pt idx="2074">
                  <c:v>274.25880000000001</c:v>
                </c:pt>
                <c:pt idx="2075">
                  <c:v>274.392</c:v>
                </c:pt>
                <c:pt idx="2076">
                  <c:v>274.52519999999993</c:v>
                </c:pt>
                <c:pt idx="2077">
                  <c:v>274.65839999999997</c:v>
                </c:pt>
                <c:pt idx="2078">
                  <c:v>274.79159999999996</c:v>
                </c:pt>
                <c:pt idx="2079">
                  <c:v>274.9248</c:v>
                </c:pt>
                <c:pt idx="2080">
                  <c:v>275.05799999999999</c:v>
                </c:pt>
                <c:pt idx="2081">
                  <c:v>275.19119999999998</c:v>
                </c:pt>
                <c:pt idx="2082">
                  <c:v>275.32439999999997</c:v>
                </c:pt>
                <c:pt idx="2083">
                  <c:v>275.45759999999996</c:v>
                </c:pt>
                <c:pt idx="2084">
                  <c:v>275.5908</c:v>
                </c:pt>
                <c:pt idx="2085">
                  <c:v>275.72399999999999</c:v>
                </c:pt>
                <c:pt idx="2086">
                  <c:v>275.85719999999998</c:v>
                </c:pt>
                <c:pt idx="2087">
                  <c:v>275.99039999999997</c:v>
                </c:pt>
                <c:pt idx="2088">
                  <c:v>276.12359999999995</c:v>
                </c:pt>
                <c:pt idx="2089">
                  <c:v>276.2568</c:v>
                </c:pt>
                <c:pt idx="2090">
                  <c:v>276.39</c:v>
                </c:pt>
                <c:pt idx="2091">
                  <c:v>276.52319999999997</c:v>
                </c:pt>
                <c:pt idx="2092">
                  <c:v>276.65639999999996</c:v>
                </c:pt>
                <c:pt idx="2093">
                  <c:v>276.78959999999995</c:v>
                </c:pt>
                <c:pt idx="2094">
                  <c:v>276.9228</c:v>
                </c:pt>
                <c:pt idx="2095">
                  <c:v>277.05599999999998</c:v>
                </c:pt>
                <c:pt idx="2096">
                  <c:v>277.18919999999997</c:v>
                </c:pt>
                <c:pt idx="2097">
                  <c:v>277.32239999999996</c:v>
                </c:pt>
                <c:pt idx="2098">
                  <c:v>277.4556</c:v>
                </c:pt>
                <c:pt idx="2099">
                  <c:v>277.58879999999999</c:v>
                </c:pt>
                <c:pt idx="2100">
                  <c:v>277.72199999999998</c:v>
                </c:pt>
                <c:pt idx="2101">
                  <c:v>277.85519999999997</c:v>
                </c:pt>
                <c:pt idx="2102">
                  <c:v>277.98839999999996</c:v>
                </c:pt>
                <c:pt idx="2103">
                  <c:v>278.1216</c:v>
                </c:pt>
                <c:pt idx="2104">
                  <c:v>278.25479999999999</c:v>
                </c:pt>
                <c:pt idx="2105">
                  <c:v>278.38799999999998</c:v>
                </c:pt>
                <c:pt idx="2106">
                  <c:v>278.52119999999996</c:v>
                </c:pt>
                <c:pt idx="2107">
                  <c:v>278.65439999999995</c:v>
                </c:pt>
                <c:pt idx="2108">
                  <c:v>278.7876</c:v>
                </c:pt>
                <c:pt idx="2109">
                  <c:v>278.92079999999999</c:v>
                </c:pt>
                <c:pt idx="2110">
                  <c:v>279.05399999999997</c:v>
                </c:pt>
                <c:pt idx="2111">
                  <c:v>279.18719999999996</c:v>
                </c:pt>
                <c:pt idx="2112">
                  <c:v>279.32039999999995</c:v>
                </c:pt>
                <c:pt idx="2113">
                  <c:v>279.45359999999999</c:v>
                </c:pt>
                <c:pt idx="2114">
                  <c:v>279.58679999999998</c:v>
                </c:pt>
                <c:pt idx="2115">
                  <c:v>279.72000000000003</c:v>
                </c:pt>
                <c:pt idx="2116">
                  <c:v>279.85319999999996</c:v>
                </c:pt>
                <c:pt idx="2117">
                  <c:v>279.98639999999995</c:v>
                </c:pt>
                <c:pt idx="2118">
                  <c:v>280.11959999999999</c:v>
                </c:pt>
                <c:pt idx="2119">
                  <c:v>280.25279999999998</c:v>
                </c:pt>
                <c:pt idx="2120">
                  <c:v>280.38600000000002</c:v>
                </c:pt>
                <c:pt idx="2121">
                  <c:v>280.51919999999996</c:v>
                </c:pt>
                <c:pt idx="2122">
                  <c:v>280.65239999999994</c:v>
                </c:pt>
                <c:pt idx="2123">
                  <c:v>280.78559999999999</c:v>
                </c:pt>
                <c:pt idx="2124">
                  <c:v>280.91879999999998</c:v>
                </c:pt>
                <c:pt idx="2125">
                  <c:v>281.05200000000002</c:v>
                </c:pt>
                <c:pt idx="2126">
                  <c:v>281.18519999999995</c:v>
                </c:pt>
                <c:pt idx="2127">
                  <c:v>281.31839999999994</c:v>
                </c:pt>
                <c:pt idx="2128">
                  <c:v>281.45159999999998</c:v>
                </c:pt>
                <c:pt idx="2129">
                  <c:v>281.58479999999997</c:v>
                </c:pt>
                <c:pt idx="2130">
                  <c:v>281.71800000000002</c:v>
                </c:pt>
                <c:pt idx="2131">
                  <c:v>281.85119999999995</c:v>
                </c:pt>
                <c:pt idx="2132">
                  <c:v>281.98439999999994</c:v>
                </c:pt>
                <c:pt idx="2133">
                  <c:v>282.11759999999998</c:v>
                </c:pt>
                <c:pt idx="2134">
                  <c:v>282.25079999999997</c:v>
                </c:pt>
                <c:pt idx="2135">
                  <c:v>282.38400000000001</c:v>
                </c:pt>
                <c:pt idx="2136">
                  <c:v>282.51719999999995</c:v>
                </c:pt>
                <c:pt idx="2137">
                  <c:v>282.65039999999999</c:v>
                </c:pt>
                <c:pt idx="2138">
                  <c:v>282.78359999999998</c:v>
                </c:pt>
                <c:pt idx="2139">
                  <c:v>282.91679999999997</c:v>
                </c:pt>
                <c:pt idx="2140">
                  <c:v>283.05</c:v>
                </c:pt>
                <c:pt idx="2141">
                  <c:v>283.18319999999994</c:v>
                </c:pt>
                <c:pt idx="2142">
                  <c:v>283.31639999999999</c:v>
                </c:pt>
                <c:pt idx="2143">
                  <c:v>283.44959999999998</c:v>
                </c:pt>
                <c:pt idx="2144">
                  <c:v>283.58279999999996</c:v>
                </c:pt>
                <c:pt idx="2145">
                  <c:v>283.71600000000001</c:v>
                </c:pt>
                <c:pt idx="2146">
                  <c:v>283.84919999999994</c:v>
                </c:pt>
                <c:pt idx="2147">
                  <c:v>283.98239999999998</c:v>
                </c:pt>
                <c:pt idx="2148">
                  <c:v>284.11559999999997</c:v>
                </c:pt>
                <c:pt idx="2149">
                  <c:v>284.24879999999996</c:v>
                </c:pt>
                <c:pt idx="2150">
                  <c:v>284.38200000000001</c:v>
                </c:pt>
                <c:pt idx="2151">
                  <c:v>284.51519999999994</c:v>
                </c:pt>
                <c:pt idx="2152">
                  <c:v>284.64839999999998</c:v>
                </c:pt>
                <c:pt idx="2153">
                  <c:v>284.78159999999997</c:v>
                </c:pt>
                <c:pt idx="2154">
                  <c:v>284.91480000000001</c:v>
                </c:pt>
                <c:pt idx="2155">
                  <c:v>285.048</c:v>
                </c:pt>
                <c:pt idx="2156">
                  <c:v>285.18119999999993</c:v>
                </c:pt>
                <c:pt idx="2157">
                  <c:v>285.31439999999998</c:v>
                </c:pt>
                <c:pt idx="2158">
                  <c:v>285.44759999999997</c:v>
                </c:pt>
                <c:pt idx="2159">
                  <c:v>285.58080000000001</c:v>
                </c:pt>
                <c:pt idx="2160">
                  <c:v>285.714</c:v>
                </c:pt>
                <c:pt idx="2161">
                  <c:v>285.84719999999993</c:v>
                </c:pt>
                <c:pt idx="2162">
                  <c:v>285.98039999999997</c:v>
                </c:pt>
                <c:pt idx="2163">
                  <c:v>286.11359999999996</c:v>
                </c:pt>
                <c:pt idx="2164">
                  <c:v>286.24680000000001</c:v>
                </c:pt>
                <c:pt idx="2165">
                  <c:v>286.38</c:v>
                </c:pt>
                <c:pt idx="2166">
                  <c:v>286.51319999999993</c:v>
                </c:pt>
                <c:pt idx="2167">
                  <c:v>286.64639999999997</c:v>
                </c:pt>
                <c:pt idx="2168">
                  <c:v>286.77959999999996</c:v>
                </c:pt>
                <c:pt idx="2169">
                  <c:v>286.9128</c:v>
                </c:pt>
                <c:pt idx="2170">
                  <c:v>287.04599999999999</c:v>
                </c:pt>
                <c:pt idx="2171">
                  <c:v>287.17919999999998</c:v>
                </c:pt>
                <c:pt idx="2172">
                  <c:v>287.31239999999997</c:v>
                </c:pt>
                <c:pt idx="2173">
                  <c:v>287.44559999999996</c:v>
                </c:pt>
                <c:pt idx="2174">
                  <c:v>287.5788</c:v>
                </c:pt>
                <c:pt idx="2175">
                  <c:v>287.71199999999999</c:v>
                </c:pt>
                <c:pt idx="2176">
                  <c:v>287.84519999999998</c:v>
                </c:pt>
                <c:pt idx="2177">
                  <c:v>287.97839999999997</c:v>
                </c:pt>
                <c:pt idx="2178">
                  <c:v>288.11159999999995</c:v>
                </c:pt>
                <c:pt idx="2179">
                  <c:v>288.2448</c:v>
                </c:pt>
                <c:pt idx="2180">
                  <c:v>288.37799999999999</c:v>
                </c:pt>
                <c:pt idx="2181">
                  <c:v>288.51119999999997</c:v>
                </c:pt>
                <c:pt idx="2182">
                  <c:v>288.64439999999996</c:v>
                </c:pt>
                <c:pt idx="2183">
                  <c:v>288.77759999999995</c:v>
                </c:pt>
                <c:pt idx="2184">
                  <c:v>288.91079999999999</c:v>
                </c:pt>
                <c:pt idx="2185">
                  <c:v>289.04399999999998</c:v>
                </c:pt>
                <c:pt idx="2186">
                  <c:v>289.17719999999997</c:v>
                </c:pt>
                <c:pt idx="2187">
                  <c:v>289.31039999999996</c:v>
                </c:pt>
                <c:pt idx="2188">
                  <c:v>289.4436</c:v>
                </c:pt>
                <c:pt idx="2189">
                  <c:v>289.57679999999999</c:v>
                </c:pt>
                <c:pt idx="2190">
                  <c:v>289.70999999999998</c:v>
                </c:pt>
                <c:pt idx="2191">
                  <c:v>289.84319999999997</c:v>
                </c:pt>
                <c:pt idx="2192">
                  <c:v>289.97639999999996</c:v>
                </c:pt>
                <c:pt idx="2193">
                  <c:v>290.1096</c:v>
                </c:pt>
                <c:pt idx="2194">
                  <c:v>290.24279999999999</c:v>
                </c:pt>
                <c:pt idx="2195">
                  <c:v>290.37599999999998</c:v>
                </c:pt>
                <c:pt idx="2196">
                  <c:v>290.50919999999996</c:v>
                </c:pt>
                <c:pt idx="2197">
                  <c:v>290.64239999999995</c:v>
                </c:pt>
                <c:pt idx="2198">
                  <c:v>290.7756</c:v>
                </c:pt>
                <c:pt idx="2199">
                  <c:v>290.90879999999999</c:v>
                </c:pt>
                <c:pt idx="2200">
                  <c:v>291.04199999999997</c:v>
                </c:pt>
                <c:pt idx="2201">
                  <c:v>291.17519999999996</c:v>
                </c:pt>
                <c:pt idx="2202">
                  <c:v>291.30839999999995</c:v>
                </c:pt>
                <c:pt idx="2203">
                  <c:v>291.44159999999999</c:v>
                </c:pt>
                <c:pt idx="2204">
                  <c:v>291.57479999999998</c:v>
                </c:pt>
                <c:pt idx="2205">
                  <c:v>291.70800000000003</c:v>
                </c:pt>
                <c:pt idx="2206">
                  <c:v>291.84119999999996</c:v>
                </c:pt>
                <c:pt idx="2207">
                  <c:v>291.97439999999995</c:v>
                </c:pt>
                <c:pt idx="2208">
                  <c:v>292.10759999999999</c:v>
                </c:pt>
                <c:pt idx="2209">
                  <c:v>292.24079999999998</c:v>
                </c:pt>
                <c:pt idx="2210">
                  <c:v>292.37400000000002</c:v>
                </c:pt>
                <c:pt idx="2211">
                  <c:v>292.50719999999995</c:v>
                </c:pt>
                <c:pt idx="2212">
                  <c:v>292.64039999999994</c:v>
                </c:pt>
                <c:pt idx="2213">
                  <c:v>292.77359999999999</c:v>
                </c:pt>
                <c:pt idx="2214">
                  <c:v>292.90679999999998</c:v>
                </c:pt>
                <c:pt idx="2215">
                  <c:v>293.04000000000002</c:v>
                </c:pt>
                <c:pt idx="2216">
                  <c:v>293.17319999999995</c:v>
                </c:pt>
                <c:pt idx="2217">
                  <c:v>293.30639999999994</c:v>
                </c:pt>
                <c:pt idx="2218">
                  <c:v>293.43959999999998</c:v>
                </c:pt>
                <c:pt idx="2219">
                  <c:v>293.57279999999997</c:v>
                </c:pt>
                <c:pt idx="2220">
                  <c:v>293.70600000000002</c:v>
                </c:pt>
                <c:pt idx="2221">
                  <c:v>293.83919999999995</c:v>
                </c:pt>
                <c:pt idx="2222">
                  <c:v>293.97239999999999</c:v>
                </c:pt>
                <c:pt idx="2223">
                  <c:v>294.10559999999998</c:v>
                </c:pt>
                <c:pt idx="2224">
                  <c:v>294.23879999999997</c:v>
                </c:pt>
                <c:pt idx="2225">
                  <c:v>294.37200000000001</c:v>
                </c:pt>
                <c:pt idx="2226">
                  <c:v>294.50519999999995</c:v>
                </c:pt>
                <c:pt idx="2227">
                  <c:v>294.63839999999999</c:v>
                </c:pt>
                <c:pt idx="2228">
                  <c:v>294.77159999999998</c:v>
                </c:pt>
                <c:pt idx="2229">
                  <c:v>294.90479999999997</c:v>
                </c:pt>
                <c:pt idx="2230">
                  <c:v>295.03800000000001</c:v>
                </c:pt>
                <c:pt idx="2231">
                  <c:v>295.17119999999994</c:v>
                </c:pt>
                <c:pt idx="2232">
                  <c:v>295.30439999999999</c:v>
                </c:pt>
                <c:pt idx="2233">
                  <c:v>295.43759999999997</c:v>
                </c:pt>
                <c:pt idx="2234">
                  <c:v>295.57079999999996</c:v>
                </c:pt>
                <c:pt idx="2235">
                  <c:v>295.70400000000001</c:v>
                </c:pt>
                <c:pt idx="2236">
                  <c:v>295.83719999999994</c:v>
                </c:pt>
                <c:pt idx="2237">
                  <c:v>295.97039999999998</c:v>
                </c:pt>
                <c:pt idx="2238">
                  <c:v>296.10359999999997</c:v>
                </c:pt>
                <c:pt idx="2239">
                  <c:v>296.23680000000002</c:v>
                </c:pt>
                <c:pt idx="2240">
                  <c:v>296.37</c:v>
                </c:pt>
                <c:pt idx="2241">
                  <c:v>296.50319999999994</c:v>
                </c:pt>
                <c:pt idx="2242">
                  <c:v>296.63639999999998</c:v>
                </c:pt>
                <c:pt idx="2243">
                  <c:v>296.76959999999997</c:v>
                </c:pt>
                <c:pt idx="2244">
                  <c:v>296.90280000000001</c:v>
                </c:pt>
                <c:pt idx="2245">
                  <c:v>297.036</c:v>
                </c:pt>
                <c:pt idx="2246">
                  <c:v>297.16919999999993</c:v>
                </c:pt>
                <c:pt idx="2247">
                  <c:v>297.30239999999998</c:v>
                </c:pt>
                <c:pt idx="2248">
                  <c:v>297.43559999999997</c:v>
                </c:pt>
                <c:pt idx="2249">
                  <c:v>297.56880000000001</c:v>
                </c:pt>
                <c:pt idx="2250">
                  <c:v>297.702</c:v>
                </c:pt>
                <c:pt idx="2251">
                  <c:v>297.83519999999993</c:v>
                </c:pt>
                <c:pt idx="2252">
                  <c:v>297.96839999999997</c:v>
                </c:pt>
                <c:pt idx="2253">
                  <c:v>298.10159999999996</c:v>
                </c:pt>
                <c:pt idx="2254">
                  <c:v>298.23480000000001</c:v>
                </c:pt>
                <c:pt idx="2255">
                  <c:v>298.36799999999999</c:v>
                </c:pt>
                <c:pt idx="2256">
                  <c:v>298.50119999999993</c:v>
                </c:pt>
                <c:pt idx="2257">
                  <c:v>298.63439999999997</c:v>
                </c:pt>
                <c:pt idx="2258">
                  <c:v>298.76759999999996</c:v>
                </c:pt>
                <c:pt idx="2259">
                  <c:v>298.9008</c:v>
                </c:pt>
                <c:pt idx="2260">
                  <c:v>299.03399999999999</c:v>
                </c:pt>
                <c:pt idx="2261">
                  <c:v>299.16719999999998</c:v>
                </c:pt>
                <c:pt idx="2262">
                  <c:v>299.30039999999997</c:v>
                </c:pt>
                <c:pt idx="2263">
                  <c:v>299.43359999999996</c:v>
                </c:pt>
                <c:pt idx="2264">
                  <c:v>299.5668</c:v>
                </c:pt>
                <c:pt idx="2265">
                  <c:v>299.7</c:v>
                </c:pt>
                <c:pt idx="2266">
                  <c:v>299.83319999999998</c:v>
                </c:pt>
                <c:pt idx="2267">
                  <c:v>299.96639999999996</c:v>
                </c:pt>
                <c:pt idx="2268">
                  <c:v>300.09959999999995</c:v>
                </c:pt>
                <c:pt idx="2269">
                  <c:v>300.2328</c:v>
                </c:pt>
                <c:pt idx="2270">
                  <c:v>300.36599999999999</c:v>
                </c:pt>
                <c:pt idx="2271">
                  <c:v>300.49919999999997</c:v>
                </c:pt>
                <c:pt idx="2272">
                  <c:v>300.63239999999996</c:v>
                </c:pt>
                <c:pt idx="2273">
                  <c:v>300.76559999999995</c:v>
                </c:pt>
                <c:pt idx="2274">
                  <c:v>300.89879999999999</c:v>
                </c:pt>
                <c:pt idx="2275">
                  <c:v>301.03199999999998</c:v>
                </c:pt>
                <c:pt idx="2276">
                  <c:v>301.16519999999997</c:v>
                </c:pt>
                <c:pt idx="2277">
                  <c:v>301.29839999999996</c:v>
                </c:pt>
                <c:pt idx="2278">
                  <c:v>301.4316</c:v>
                </c:pt>
                <c:pt idx="2279">
                  <c:v>301.56479999999999</c:v>
                </c:pt>
                <c:pt idx="2280">
                  <c:v>301.69799999999998</c:v>
                </c:pt>
                <c:pt idx="2281">
                  <c:v>301.83119999999997</c:v>
                </c:pt>
                <c:pt idx="2282">
                  <c:v>301.96439999999996</c:v>
                </c:pt>
                <c:pt idx="2283">
                  <c:v>302.0976</c:v>
                </c:pt>
                <c:pt idx="2284">
                  <c:v>302.23079999999999</c:v>
                </c:pt>
                <c:pt idx="2285">
                  <c:v>302.36399999999998</c:v>
                </c:pt>
                <c:pt idx="2286">
                  <c:v>302.49719999999996</c:v>
                </c:pt>
                <c:pt idx="2287">
                  <c:v>302.63039999999995</c:v>
                </c:pt>
                <c:pt idx="2288">
                  <c:v>302.7636</c:v>
                </c:pt>
                <c:pt idx="2289">
                  <c:v>302.89679999999998</c:v>
                </c:pt>
                <c:pt idx="2290">
                  <c:v>303.02999999999997</c:v>
                </c:pt>
                <c:pt idx="2291">
                  <c:v>303.16319999999996</c:v>
                </c:pt>
                <c:pt idx="2292">
                  <c:v>303.29639999999995</c:v>
                </c:pt>
                <c:pt idx="2293">
                  <c:v>303.42959999999999</c:v>
                </c:pt>
                <c:pt idx="2294">
                  <c:v>303.56279999999998</c:v>
                </c:pt>
                <c:pt idx="2295">
                  <c:v>303.69600000000003</c:v>
                </c:pt>
                <c:pt idx="2296">
                  <c:v>303.82919999999996</c:v>
                </c:pt>
                <c:pt idx="2297">
                  <c:v>303.96239999999995</c:v>
                </c:pt>
                <c:pt idx="2298">
                  <c:v>304.09559999999999</c:v>
                </c:pt>
                <c:pt idx="2299">
                  <c:v>304.22879999999998</c:v>
                </c:pt>
                <c:pt idx="2300">
                  <c:v>304.36200000000002</c:v>
                </c:pt>
                <c:pt idx="2301">
                  <c:v>304.49519999999995</c:v>
                </c:pt>
                <c:pt idx="2302">
                  <c:v>304.62839999999994</c:v>
                </c:pt>
                <c:pt idx="2303">
                  <c:v>304.76159999999999</c:v>
                </c:pt>
                <c:pt idx="2304">
                  <c:v>304.89479999999998</c:v>
                </c:pt>
                <c:pt idx="2305">
                  <c:v>305.02800000000002</c:v>
                </c:pt>
                <c:pt idx="2306">
                  <c:v>305.16119999999995</c:v>
                </c:pt>
                <c:pt idx="2307">
                  <c:v>305.29439999999994</c:v>
                </c:pt>
                <c:pt idx="2308">
                  <c:v>305.42759999999998</c:v>
                </c:pt>
                <c:pt idx="2309">
                  <c:v>305.56079999999997</c:v>
                </c:pt>
                <c:pt idx="2310">
                  <c:v>305.69400000000002</c:v>
                </c:pt>
                <c:pt idx="2311">
                  <c:v>305.82719999999995</c:v>
                </c:pt>
                <c:pt idx="2312">
                  <c:v>305.96039999999999</c:v>
                </c:pt>
                <c:pt idx="2313">
                  <c:v>306.09359999999998</c:v>
                </c:pt>
                <c:pt idx="2314">
                  <c:v>306.22679999999997</c:v>
                </c:pt>
                <c:pt idx="2315">
                  <c:v>306.36</c:v>
                </c:pt>
                <c:pt idx="2316">
                  <c:v>306.49319999999994</c:v>
                </c:pt>
                <c:pt idx="2317">
                  <c:v>306.62639999999999</c:v>
                </c:pt>
                <c:pt idx="2318">
                  <c:v>306.75959999999998</c:v>
                </c:pt>
                <c:pt idx="2319">
                  <c:v>306.89279999999997</c:v>
                </c:pt>
                <c:pt idx="2320">
                  <c:v>307.02600000000001</c:v>
                </c:pt>
                <c:pt idx="2321">
                  <c:v>307.15919999999994</c:v>
                </c:pt>
                <c:pt idx="2322">
                  <c:v>307.29239999999999</c:v>
                </c:pt>
                <c:pt idx="2323">
                  <c:v>307.42559999999997</c:v>
                </c:pt>
                <c:pt idx="2324">
                  <c:v>307.55879999999996</c:v>
                </c:pt>
                <c:pt idx="2325">
                  <c:v>307.69200000000001</c:v>
                </c:pt>
                <c:pt idx="2326">
                  <c:v>307.82519999999994</c:v>
                </c:pt>
                <c:pt idx="2327">
                  <c:v>307.95839999999998</c:v>
                </c:pt>
                <c:pt idx="2328">
                  <c:v>308.09159999999997</c:v>
                </c:pt>
                <c:pt idx="2329">
                  <c:v>308.22480000000002</c:v>
                </c:pt>
                <c:pt idx="2330">
                  <c:v>308.358</c:v>
                </c:pt>
                <c:pt idx="2331">
                  <c:v>308.49119999999994</c:v>
                </c:pt>
                <c:pt idx="2332">
                  <c:v>308.62439999999998</c:v>
                </c:pt>
                <c:pt idx="2333">
                  <c:v>308.75759999999997</c:v>
                </c:pt>
                <c:pt idx="2334">
                  <c:v>308.89080000000001</c:v>
                </c:pt>
                <c:pt idx="2335">
                  <c:v>309.024</c:v>
                </c:pt>
                <c:pt idx="2336">
                  <c:v>309.15719999999993</c:v>
                </c:pt>
                <c:pt idx="2337">
                  <c:v>309.29039999999998</c:v>
                </c:pt>
                <c:pt idx="2338">
                  <c:v>309.42359999999996</c:v>
                </c:pt>
                <c:pt idx="2339">
                  <c:v>309.55680000000001</c:v>
                </c:pt>
                <c:pt idx="2340">
                  <c:v>309.69</c:v>
                </c:pt>
                <c:pt idx="2341">
                  <c:v>309.82319999999993</c:v>
                </c:pt>
                <c:pt idx="2342">
                  <c:v>309.95639999999997</c:v>
                </c:pt>
                <c:pt idx="2343">
                  <c:v>310.08959999999996</c:v>
                </c:pt>
                <c:pt idx="2344">
                  <c:v>310.22280000000001</c:v>
                </c:pt>
                <c:pt idx="2345">
                  <c:v>310.35599999999999</c:v>
                </c:pt>
                <c:pt idx="2346">
                  <c:v>310.48919999999993</c:v>
                </c:pt>
                <c:pt idx="2347">
                  <c:v>310.62239999999997</c:v>
                </c:pt>
                <c:pt idx="2348">
                  <c:v>310.75559999999996</c:v>
                </c:pt>
                <c:pt idx="2349">
                  <c:v>310.8888</c:v>
                </c:pt>
                <c:pt idx="2350">
                  <c:v>311.02199999999999</c:v>
                </c:pt>
                <c:pt idx="2351">
                  <c:v>311.15519999999998</c:v>
                </c:pt>
                <c:pt idx="2352">
                  <c:v>311.28839999999997</c:v>
                </c:pt>
                <c:pt idx="2353">
                  <c:v>311.42159999999996</c:v>
                </c:pt>
                <c:pt idx="2354">
                  <c:v>311.5548</c:v>
                </c:pt>
                <c:pt idx="2355">
                  <c:v>311.68799999999999</c:v>
                </c:pt>
                <c:pt idx="2356">
                  <c:v>311.82119999999998</c:v>
                </c:pt>
                <c:pt idx="2357">
                  <c:v>311.95439999999996</c:v>
                </c:pt>
                <c:pt idx="2358">
                  <c:v>312.08759999999995</c:v>
                </c:pt>
                <c:pt idx="2359">
                  <c:v>312.2208</c:v>
                </c:pt>
                <c:pt idx="2360">
                  <c:v>312.35399999999998</c:v>
                </c:pt>
                <c:pt idx="2361">
                  <c:v>312.48719999999997</c:v>
                </c:pt>
                <c:pt idx="2362">
                  <c:v>312.62039999999996</c:v>
                </c:pt>
                <c:pt idx="2363">
                  <c:v>312.75359999999995</c:v>
                </c:pt>
                <c:pt idx="2364">
                  <c:v>312.88679999999999</c:v>
                </c:pt>
                <c:pt idx="2365">
                  <c:v>313.02</c:v>
                </c:pt>
                <c:pt idx="2366">
                  <c:v>313.15319999999997</c:v>
                </c:pt>
                <c:pt idx="2367">
                  <c:v>313.28639999999996</c:v>
                </c:pt>
                <c:pt idx="2368">
                  <c:v>313.4196</c:v>
                </c:pt>
                <c:pt idx="2369">
                  <c:v>313.55279999999999</c:v>
                </c:pt>
                <c:pt idx="2370">
                  <c:v>313.68599999999998</c:v>
                </c:pt>
                <c:pt idx="2371">
                  <c:v>313.81919999999997</c:v>
                </c:pt>
                <c:pt idx="2372">
                  <c:v>313.95239999999995</c:v>
                </c:pt>
                <c:pt idx="2373">
                  <c:v>314.0856</c:v>
                </c:pt>
                <c:pt idx="2374">
                  <c:v>314.21879999999999</c:v>
                </c:pt>
                <c:pt idx="2375">
                  <c:v>314.35199999999998</c:v>
                </c:pt>
                <c:pt idx="2376">
                  <c:v>314.48519999999996</c:v>
                </c:pt>
                <c:pt idx="2377">
                  <c:v>314.61839999999995</c:v>
                </c:pt>
                <c:pt idx="2378">
                  <c:v>314.7516</c:v>
                </c:pt>
                <c:pt idx="2379">
                  <c:v>314.88479999999998</c:v>
                </c:pt>
                <c:pt idx="2380">
                  <c:v>315.01799999999997</c:v>
                </c:pt>
                <c:pt idx="2381">
                  <c:v>315.15119999999996</c:v>
                </c:pt>
                <c:pt idx="2382">
                  <c:v>315.28439999999995</c:v>
                </c:pt>
                <c:pt idx="2383">
                  <c:v>315.41759999999999</c:v>
                </c:pt>
                <c:pt idx="2384">
                  <c:v>315.55079999999998</c:v>
                </c:pt>
                <c:pt idx="2385">
                  <c:v>315.68400000000003</c:v>
                </c:pt>
                <c:pt idx="2386">
                  <c:v>315.81719999999996</c:v>
                </c:pt>
                <c:pt idx="2387">
                  <c:v>315.95039999999995</c:v>
                </c:pt>
                <c:pt idx="2388">
                  <c:v>316.08359999999999</c:v>
                </c:pt>
                <c:pt idx="2389">
                  <c:v>316.21679999999998</c:v>
                </c:pt>
                <c:pt idx="2390">
                  <c:v>316.35000000000002</c:v>
                </c:pt>
                <c:pt idx="2391">
                  <c:v>316.48319999999995</c:v>
                </c:pt>
                <c:pt idx="2392">
                  <c:v>316.61639999999994</c:v>
                </c:pt>
                <c:pt idx="2393">
                  <c:v>316.74959999999999</c:v>
                </c:pt>
                <c:pt idx="2394">
                  <c:v>316.88279999999997</c:v>
                </c:pt>
                <c:pt idx="2395">
                  <c:v>317.01600000000002</c:v>
                </c:pt>
                <c:pt idx="2396">
                  <c:v>317.14919999999995</c:v>
                </c:pt>
                <c:pt idx="2397">
                  <c:v>317.28239999999994</c:v>
                </c:pt>
                <c:pt idx="2398">
                  <c:v>317.41559999999998</c:v>
                </c:pt>
                <c:pt idx="2399">
                  <c:v>317.54879999999997</c:v>
                </c:pt>
                <c:pt idx="2400">
                  <c:v>317.68200000000002</c:v>
                </c:pt>
                <c:pt idx="2401">
                  <c:v>317.81519999999995</c:v>
                </c:pt>
                <c:pt idx="2402">
                  <c:v>317.94839999999999</c:v>
                </c:pt>
                <c:pt idx="2403">
                  <c:v>318.08159999999998</c:v>
                </c:pt>
                <c:pt idx="2404">
                  <c:v>318.21479999999997</c:v>
                </c:pt>
                <c:pt idx="2405">
                  <c:v>318.34800000000001</c:v>
                </c:pt>
                <c:pt idx="2406">
                  <c:v>318.48119999999994</c:v>
                </c:pt>
                <c:pt idx="2407">
                  <c:v>318.61439999999999</c:v>
                </c:pt>
                <c:pt idx="2408">
                  <c:v>318.74759999999998</c:v>
                </c:pt>
                <c:pt idx="2409">
                  <c:v>318.88079999999997</c:v>
                </c:pt>
                <c:pt idx="2410">
                  <c:v>319.01400000000001</c:v>
                </c:pt>
                <c:pt idx="2411">
                  <c:v>319.14719999999994</c:v>
                </c:pt>
                <c:pt idx="2412">
                  <c:v>319.28039999999999</c:v>
                </c:pt>
                <c:pt idx="2413">
                  <c:v>319.41359999999997</c:v>
                </c:pt>
                <c:pt idx="2414">
                  <c:v>319.54679999999996</c:v>
                </c:pt>
                <c:pt idx="2415">
                  <c:v>319.68</c:v>
                </c:pt>
                <c:pt idx="2416">
                  <c:v>319.81319999999994</c:v>
                </c:pt>
                <c:pt idx="2417">
                  <c:v>319.94639999999998</c:v>
                </c:pt>
                <c:pt idx="2418">
                  <c:v>320.07959999999997</c:v>
                </c:pt>
                <c:pt idx="2419">
                  <c:v>320.21280000000002</c:v>
                </c:pt>
                <c:pt idx="2420">
                  <c:v>320.346</c:v>
                </c:pt>
                <c:pt idx="2421">
                  <c:v>320.47919999999993</c:v>
                </c:pt>
                <c:pt idx="2422">
                  <c:v>320.61239999999998</c:v>
                </c:pt>
                <c:pt idx="2423">
                  <c:v>320.74559999999997</c:v>
                </c:pt>
                <c:pt idx="2424">
                  <c:v>320.87880000000001</c:v>
                </c:pt>
                <c:pt idx="2425">
                  <c:v>321.012</c:v>
                </c:pt>
                <c:pt idx="2426">
                  <c:v>321.14519999999993</c:v>
                </c:pt>
                <c:pt idx="2427">
                  <c:v>321.27839999999998</c:v>
                </c:pt>
                <c:pt idx="2428">
                  <c:v>321.41159999999996</c:v>
                </c:pt>
                <c:pt idx="2429">
                  <c:v>321.54480000000001</c:v>
                </c:pt>
                <c:pt idx="2430">
                  <c:v>321.678</c:v>
                </c:pt>
                <c:pt idx="2431">
                  <c:v>321.81119999999993</c:v>
                </c:pt>
                <c:pt idx="2432">
                  <c:v>321.94439999999997</c:v>
                </c:pt>
                <c:pt idx="2433">
                  <c:v>322.07759999999996</c:v>
                </c:pt>
                <c:pt idx="2434">
                  <c:v>322.21080000000001</c:v>
                </c:pt>
                <c:pt idx="2435">
                  <c:v>322.34399999999999</c:v>
                </c:pt>
                <c:pt idx="2436">
                  <c:v>322.47719999999993</c:v>
                </c:pt>
                <c:pt idx="2437">
                  <c:v>322.61039999999997</c:v>
                </c:pt>
                <c:pt idx="2438">
                  <c:v>322.74359999999996</c:v>
                </c:pt>
                <c:pt idx="2439">
                  <c:v>322.8768</c:v>
                </c:pt>
                <c:pt idx="2440">
                  <c:v>323.01</c:v>
                </c:pt>
                <c:pt idx="2441">
                  <c:v>323.14319999999998</c:v>
                </c:pt>
                <c:pt idx="2442">
                  <c:v>323.27639999999997</c:v>
                </c:pt>
                <c:pt idx="2443">
                  <c:v>323.40959999999995</c:v>
                </c:pt>
                <c:pt idx="2444">
                  <c:v>323.5428</c:v>
                </c:pt>
                <c:pt idx="2445">
                  <c:v>323.67599999999999</c:v>
                </c:pt>
                <c:pt idx="2446">
                  <c:v>323.80919999999998</c:v>
                </c:pt>
                <c:pt idx="2447">
                  <c:v>323.94239999999996</c:v>
                </c:pt>
                <c:pt idx="2448">
                  <c:v>324.07559999999995</c:v>
                </c:pt>
                <c:pt idx="2449">
                  <c:v>324.2088</c:v>
                </c:pt>
                <c:pt idx="2450">
                  <c:v>324.34199999999998</c:v>
                </c:pt>
                <c:pt idx="2451">
                  <c:v>324.47519999999997</c:v>
                </c:pt>
                <c:pt idx="2452">
                  <c:v>324.60839999999996</c:v>
                </c:pt>
                <c:pt idx="2453">
                  <c:v>324.74159999999995</c:v>
                </c:pt>
                <c:pt idx="2454">
                  <c:v>324.87479999999999</c:v>
                </c:pt>
                <c:pt idx="2455">
                  <c:v>325.00799999999998</c:v>
                </c:pt>
                <c:pt idx="2456">
                  <c:v>325.14119999999997</c:v>
                </c:pt>
                <c:pt idx="2457">
                  <c:v>325.27439999999996</c:v>
                </c:pt>
                <c:pt idx="2458">
                  <c:v>325.4076</c:v>
                </c:pt>
                <c:pt idx="2459">
                  <c:v>325.54079999999999</c:v>
                </c:pt>
                <c:pt idx="2460">
                  <c:v>325.67399999999998</c:v>
                </c:pt>
                <c:pt idx="2461">
                  <c:v>325.80719999999997</c:v>
                </c:pt>
                <c:pt idx="2462">
                  <c:v>325.94039999999995</c:v>
                </c:pt>
                <c:pt idx="2463">
                  <c:v>326.0736</c:v>
                </c:pt>
                <c:pt idx="2464">
                  <c:v>326.20679999999999</c:v>
                </c:pt>
                <c:pt idx="2465">
                  <c:v>326.33999999999997</c:v>
                </c:pt>
                <c:pt idx="2466">
                  <c:v>326.47319999999996</c:v>
                </c:pt>
                <c:pt idx="2467">
                  <c:v>326.60639999999995</c:v>
                </c:pt>
                <c:pt idx="2468">
                  <c:v>326.7396</c:v>
                </c:pt>
                <c:pt idx="2469">
                  <c:v>326.87279999999998</c:v>
                </c:pt>
                <c:pt idx="2470">
                  <c:v>327.00599999999997</c:v>
                </c:pt>
                <c:pt idx="2471">
                  <c:v>327.13919999999996</c:v>
                </c:pt>
                <c:pt idx="2472">
                  <c:v>327.27239999999995</c:v>
                </c:pt>
                <c:pt idx="2473">
                  <c:v>327.40559999999999</c:v>
                </c:pt>
                <c:pt idx="2474">
                  <c:v>327.53879999999998</c:v>
                </c:pt>
                <c:pt idx="2475">
                  <c:v>327.67200000000003</c:v>
                </c:pt>
                <c:pt idx="2476">
                  <c:v>327.80519999999996</c:v>
                </c:pt>
                <c:pt idx="2477">
                  <c:v>327.93839999999994</c:v>
                </c:pt>
                <c:pt idx="2478">
                  <c:v>328.07159999999999</c:v>
                </c:pt>
                <c:pt idx="2479">
                  <c:v>328.20479999999998</c:v>
                </c:pt>
                <c:pt idx="2480">
                  <c:v>328.33800000000002</c:v>
                </c:pt>
                <c:pt idx="2481">
                  <c:v>328.47119999999995</c:v>
                </c:pt>
                <c:pt idx="2482">
                  <c:v>328.60439999999994</c:v>
                </c:pt>
                <c:pt idx="2483">
                  <c:v>328.73759999999999</c:v>
                </c:pt>
                <c:pt idx="2484">
                  <c:v>328.87079999999997</c:v>
                </c:pt>
                <c:pt idx="2485">
                  <c:v>329.00400000000002</c:v>
                </c:pt>
                <c:pt idx="2486">
                  <c:v>329.13719999999995</c:v>
                </c:pt>
                <c:pt idx="2487">
                  <c:v>329.27039999999994</c:v>
                </c:pt>
                <c:pt idx="2488">
                  <c:v>329.40359999999998</c:v>
                </c:pt>
                <c:pt idx="2489">
                  <c:v>329.53679999999997</c:v>
                </c:pt>
                <c:pt idx="2490">
                  <c:v>329.67</c:v>
                </c:pt>
                <c:pt idx="2491">
                  <c:v>329.80319999999995</c:v>
                </c:pt>
                <c:pt idx="2492">
                  <c:v>329.93639999999999</c:v>
                </c:pt>
                <c:pt idx="2493">
                  <c:v>330.06959999999998</c:v>
                </c:pt>
                <c:pt idx="2494">
                  <c:v>330.20279999999997</c:v>
                </c:pt>
                <c:pt idx="2495">
                  <c:v>330.33600000000001</c:v>
                </c:pt>
                <c:pt idx="2496">
                  <c:v>330.46919999999994</c:v>
                </c:pt>
                <c:pt idx="2497">
                  <c:v>330.60239999999999</c:v>
                </c:pt>
                <c:pt idx="2498">
                  <c:v>330.73559999999998</c:v>
                </c:pt>
                <c:pt idx="2499">
                  <c:v>330.86879999999996</c:v>
                </c:pt>
                <c:pt idx="2500">
                  <c:v>331.00200000000001</c:v>
                </c:pt>
                <c:pt idx="2501">
                  <c:v>331.13519999999994</c:v>
                </c:pt>
                <c:pt idx="2502">
                  <c:v>331.26839999999999</c:v>
                </c:pt>
                <c:pt idx="2503">
                  <c:v>331.40159999999997</c:v>
                </c:pt>
                <c:pt idx="2504">
                  <c:v>331.53479999999996</c:v>
                </c:pt>
                <c:pt idx="2505">
                  <c:v>331.66800000000001</c:v>
                </c:pt>
                <c:pt idx="2506">
                  <c:v>331.80119999999994</c:v>
                </c:pt>
                <c:pt idx="2507">
                  <c:v>331.93439999999998</c:v>
                </c:pt>
                <c:pt idx="2508">
                  <c:v>332.06759999999997</c:v>
                </c:pt>
                <c:pt idx="2509">
                  <c:v>332.20080000000002</c:v>
                </c:pt>
                <c:pt idx="2510">
                  <c:v>332.334</c:v>
                </c:pt>
                <c:pt idx="2511">
                  <c:v>332.46719999999993</c:v>
                </c:pt>
                <c:pt idx="2512">
                  <c:v>332.60039999999998</c:v>
                </c:pt>
                <c:pt idx="2513">
                  <c:v>332.73359999999997</c:v>
                </c:pt>
                <c:pt idx="2514">
                  <c:v>332.86680000000001</c:v>
                </c:pt>
                <c:pt idx="2515">
                  <c:v>333</c:v>
                </c:pt>
                <c:pt idx="2516">
                  <c:v>333.13319999999993</c:v>
                </c:pt>
                <c:pt idx="2517">
                  <c:v>333.26639999999998</c:v>
                </c:pt>
                <c:pt idx="2518">
                  <c:v>333.39959999999996</c:v>
                </c:pt>
                <c:pt idx="2519">
                  <c:v>333.53280000000001</c:v>
                </c:pt>
                <c:pt idx="2520">
                  <c:v>333.666</c:v>
                </c:pt>
                <c:pt idx="2521">
                  <c:v>333.79919999999993</c:v>
                </c:pt>
                <c:pt idx="2522">
                  <c:v>333.93239999999997</c:v>
                </c:pt>
                <c:pt idx="2523">
                  <c:v>334.06559999999996</c:v>
                </c:pt>
                <c:pt idx="2524">
                  <c:v>334.19880000000001</c:v>
                </c:pt>
                <c:pt idx="2525">
                  <c:v>334.33199999999999</c:v>
                </c:pt>
                <c:pt idx="2526">
                  <c:v>334.46519999999998</c:v>
                </c:pt>
                <c:pt idx="2527">
                  <c:v>334.59839999999997</c:v>
                </c:pt>
                <c:pt idx="2528">
                  <c:v>334.73159999999996</c:v>
                </c:pt>
                <c:pt idx="2529">
                  <c:v>334.8648</c:v>
                </c:pt>
                <c:pt idx="2530">
                  <c:v>334.99799999999999</c:v>
                </c:pt>
                <c:pt idx="2531">
                  <c:v>335.13119999999998</c:v>
                </c:pt>
                <c:pt idx="2532">
                  <c:v>335.26439999999997</c:v>
                </c:pt>
                <c:pt idx="2533">
                  <c:v>335.39759999999995</c:v>
                </c:pt>
                <c:pt idx="2534">
                  <c:v>335.5308</c:v>
                </c:pt>
                <c:pt idx="2535">
                  <c:v>335.66399999999999</c:v>
                </c:pt>
                <c:pt idx="2536">
                  <c:v>335.79719999999998</c:v>
                </c:pt>
                <c:pt idx="2537">
                  <c:v>335.93039999999996</c:v>
                </c:pt>
                <c:pt idx="2538">
                  <c:v>336.06359999999995</c:v>
                </c:pt>
                <c:pt idx="2539">
                  <c:v>336.1968</c:v>
                </c:pt>
                <c:pt idx="2540">
                  <c:v>336.33</c:v>
                </c:pt>
                <c:pt idx="2541">
                  <c:v>336.46319999999997</c:v>
                </c:pt>
                <c:pt idx="2542">
                  <c:v>336.59639999999996</c:v>
                </c:pt>
                <c:pt idx="2543">
                  <c:v>336.7296</c:v>
                </c:pt>
                <c:pt idx="2544">
                  <c:v>336.86279999999999</c:v>
                </c:pt>
                <c:pt idx="2545">
                  <c:v>336.99599999999998</c:v>
                </c:pt>
                <c:pt idx="2546">
                  <c:v>337.12919999999997</c:v>
                </c:pt>
                <c:pt idx="2547">
                  <c:v>337.26239999999996</c:v>
                </c:pt>
                <c:pt idx="2548">
                  <c:v>337.3956</c:v>
                </c:pt>
                <c:pt idx="2549">
                  <c:v>337.52879999999999</c:v>
                </c:pt>
                <c:pt idx="2550">
                  <c:v>337.66199999999998</c:v>
                </c:pt>
                <c:pt idx="2551">
                  <c:v>337.79519999999997</c:v>
                </c:pt>
                <c:pt idx="2552">
                  <c:v>337.92839999999995</c:v>
                </c:pt>
                <c:pt idx="2553">
                  <c:v>338.0616</c:v>
                </c:pt>
                <c:pt idx="2554">
                  <c:v>338.19479999999999</c:v>
                </c:pt>
                <c:pt idx="2555">
                  <c:v>338.32799999999997</c:v>
                </c:pt>
                <c:pt idx="2556">
                  <c:v>338.46119999999996</c:v>
                </c:pt>
                <c:pt idx="2557">
                  <c:v>338.59439999999995</c:v>
                </c:pt>
                <c:pt idx="2558">
                  <c:v>338.7276</c:v>
                </c:pt>
                <c:pt idx="2559">
                  <c:v>338.86079999999998</c:v>
                </c:pt>
                <c:pt idx="2560">
                  <c:v>338.99400000000003</c:v>
                </c:pt>
                <c:pt idx="2561">
                  <c:v>339.12719999999996</c:v>
                </c:pt>
                <c:pt idx="2562">
                  <c:v>339.26039999999995</c:v>
                </c:pt>
                <c:pt idx="2563">
                  <c:v>339.39359999999999</c:v>
                </c:pt>
                <c:pt idx="2564">
                  <c:v>339.52679999999998</c:v>
                </c:pt>
                <c:pt idx="2565">
                  <c:v>339.66</c:v>
                </c:pt>
                <c:pt idx="2566">
                  <c:v>339.79319999999996</c:v>
                </c:pt>
                <c:pt idx="2567">
                  <c:v>339.92639999999994</c:v>
                </c:pt>
                <c:pt idx="2568">
                  <c:v>340.05959999999999</c:v>
                </c:pt>
                <c:pt idx="2569">
                  <c:v>340.19279999999998</c:v>
                </c:pt>
                <c:pt idx="2570">
                  <c:v>340.32600000000002</c:v>
                </c:pt>
                <c:pt idx="2571">
                  <c:v>340.45919999999995</c:v>
                </c:pt>
                <c:pt idx="2572">
                  <c:v>340.59239999999994</c:v>
                </c:pt>
                <c:pt idx="2573">
                  <c:v>340.72559999999999</c:v>
                </c:pt>
                <c:pt idx="2574">
                  <c:v>340.85879999999997</c:v>
                </c:pt>
                <c:pt idx="2575">
                  <c:v>340.99200000000002</c:v>
                </c:pt>
                <c:pt idx="2576">
                  <c:v>341.12519999999995</c:v>
                </c:pt>
                <c:pt idx="2577">
                  <c:v>341.25839999999994</c:v>
                </c:pt>
                <c:pt idx="2578">
                  <c:v>341.39159999999998</c:v>
                </c:pt>
                <c:pt idx="2579">
                  <c:v>341.52479999999997</c:v>
                </c:pt>
                <c:pt idx="2580">
                  <c:v>341.65799999999996</c:v>
                </c:pt>
                <c:pt idx="2581">
                  <c:v>341.79119999999995</c:v>
                </c:pt>
                <c:pt idx="2582">
                  <c:v>341.92439999999999</c:v>
                </c:pt>
                <c:pt idx="2583">
                  <c:v>342.05759999999998</c:v>
                </c:pt>
                <c:pt idx="2584">
                  <c:v>342.19079999999997</c:v>
                </c:pt>
                <c:pt idx="2585">
                  <c:v>342.32399999999996</c:v>
                </c:pt>
                <c:pt idx="2586">
                  <c:v>342.45719999999994</c:v>
                </c:pt>
                <c:pt idx="2587">
                  <c:v>342.59039999999999</c:v>
                </c:pt>
                <c:pt idx="2588">
                  <c:v>342.72359999999998</c:v>
                </c:pt>
                <c:pt idx="2589">
                  <c:v>342.85679999999996</c:v>
                </c:pt>
                <c:pt idx="2590">
                  <c:v>342.98999999999995</c:v>
                </c:pt>
                <c:pt idx="2591">
                  <c:v>343.12319999999994</c:v>
                </c:pt>
                <c:pt idx="2592">
                  <c:v>343.25639999999999</c:v>
                </c:pt>
                <c:pt idx="2593">
                  <c:v>343.38959999999997</c:v>
                </c:pt>
                <c:pt idx="2594">
                  <c:v>343.52279999999996</c:v>
                </c:pt>
                <c:pt idx="2595">
                  <c:v>343.65599999999995</c:v>
                </c:pt>
                <c:pt idx="2596">
                  <c:v>343.78919999999994</c:v>
                </c:pt>
                <c:pt idx="2597">
                  <c:v>343.92239999999998</c:v>
                </c:pt>
                <c:pt idx="2598">
                  <c:v>344.05559999999997</c:v>
                </c:pt>
                <c:pt idx="2599">
                  <c:v>344.18880000000001</c:v>
                </c:pt>
                <c:pt idx="2600">
                  <c:v>344.32199999999995</c:v>
                </c:pt>
                <c:pt idx="2601">
                  <c:v>344.45519999999993</c:v>
                </c:pt>
                <c:pt idx="2602">
                  <c:v>344.58839999999998</c:v>
                </c:pt>
                <c:pt idx="2603">
                  <c:v>344.72159999999997</c:v>
                </c:pt>
                <c:pt idx="2604">
                  <c:v>344.85480000000001</c:v>
                </c:pt>
                <c:pt idx="2605">
                  <c:v>344.98799999999994</c:v>
                </c:pt>
                <c:pt idx="2606">
                  <c:v>345.12119999999993</c:v>
                </c:pt>
                <c:pt idx="2607">
                  <c:v>345.25439999999998</c:v>
                </c:pt>
                <c:pt idx="2608">
                  <c:v>345.38759999999996</c:v>
                </c:pt>
                <c:pt idx="2609">
                  <c:v>345.52080000000001</c:v>
                </c:pt>
                <c:pt idx="2610">
                  <c:v>345.65399999999994</c:v>
                </c:pt>
                <c:pt idx="2611">
                  <c:v>345.78719999999993</c:v>
                </c:pt>
                <c:pt idx="2612">
                  <c:v>345.92039999999997</c:v>
                </c:pt>
                <c:pt idx="2613">
                  <c:v>346.05359999999996</c:v>
                </c:pt>
                <c:pt idx="2614">
                  <c:v>346.18680000000001</c:v>
                </c:pt>
                <c:pt idx="2615">
                  <c:v>346.31999999999994</c:v>
                </c:pt>
                <c:pt idx="2616">
                  <c:v>346.45319999999998</c:v>
                </c:pt>
                <c:pt idx="2617">
                  <c:v>346.58639999999997</c:v>
                </c:pt>
                <c:pt idx="2618">
                  <c:v>346.71959999999996</c:v>
                </c:pt>
                <c:pt idx="2619">
                  <c:v>346.8528</c:v>
                </c:pt>
                <c:pt idx="2620">
                  <c:v>346.98599999999993</c:v>
                </c:pt>
                <c:pt idx="2621">
                  <c:v>347.11919999999998</c:v>
                </c:pt>
                <c:pt idx="2622">
                  <c:v>347.25239999999997</c:v>
                </c:pt>
                <c:pt idx="2623">
                  <c:v>347.38559999999995</c:v>
                </c:pt>
                <c:pt idx="2624">
                  <c:v>347.5188</c:v>
                </c:pt>
                <c:pt idx="2625">
                  <c:v>347.65199999999993</c:v>
                </c:pt>
                <c:pt idx="2626">
                  <c:v>347.78519999999997</c:v>
                </c:pt>
                <c:pt idx="2627">
                  <c:v>347.91839999999996</c:v>
                </c:pt>
                <c:pt idx="2628">
                  <c:v>348.05159999999995</c:v>
                </c:pt>
                <c:pt idx="2629">
                  <c:v>348.1848</c:v>
                </c:pt>
                <c:pt idx="2630">
                  <c:v>348.31799999999993</c:v>
                </c:pt>
                <c:pt idx="2631">
                  <c:v>348.45119999999997</c:v>
                </c:pt>
                <c:pt idx="2632">
                  <c:v>348.58439999999996</c:v>
                </c:pt>
                <c:pt idx="2633">
                  <c:v>348.7176</c:v>
                </c:pt>
                <c:pt idx="2634">
                  <c:v>348.85079999999999</c:v>
                </c:pt>
                <c:pt idx="2635">
                  <c:v>348.98399999999992</c:v>
                </c:pt>
                <c:pt idx="2636">
                  <c:v>349.11719999999997</c:v>
                </c:pt>
                <c:pt idx="2637">
                  <c:v>349.25039999999996</c:v>
                </c:pt>
                <c:pt idx="2638">
                  <c:v>349.3836</c:v>
                </c:pt>
                <c:pt idx="2639">
                  <c:v>349.51679999999999</c:v>
                </c:pt>
                <c:pt idx="2640">
                  <c:v>349.64999999999992</c:v>
                </c:pt>
                <c:pt idx="2641">
                  <c:v>349.78319999999997</c:v>
                </c:pt>
                <c:pt idx="2642">
                  <c:v>349.91639999999995</c:v>
                </c:pt>
                <c:pt idx="2643">
                  <c:v>350.0496</c:v>
                </c:pt>
                <c:pt idx="2644">
                  <c:v>350.18279999999999</c:v>
                </c:pt>
                <c:pt idx="2645">
                  <c:v>350.31599999999992</c:v>
                </c:pt>
                <c:pt idx="2646">
                  <c:v>350.44919999999996</c:v>
                </c:pt>
                <c:pt idx="2647">
                  <c:v>350.58239999999995</c:v>
                </c:pt>
                <c:pt idx="2648">
                  <c:v>350.71559999999999</c:v>
                </c:pt>
                <c:pt idx="2649">
                  <c:v>350.84879999999998</c:v>
                </c:pt>
                <c:pt idx="2650">
                  <c:v>350.98199999999991</c:v>
                </c:pt>
                <c:pt idx="2651">
                  <c:v>351.11519999999996</c:v>
                </c:pt>
                <c:pt idx="2652">
                  <c:v>351.24839999999995</c:v>
                </c:pt>
                <c:pt idx="2653">
                  <c:v>351.38159999999999</c:v>
                </c:pt>
                <c:pt idx="2654">
                  <c:v>351.51479999999998</c:v>
                </c:pt>
                <c:pt idx="2655">
                  <c:v>351.64799999999997</c:v>
                </c:pt>
                <c:pt idx="2656">
                  <c:v>351.78119999999996</c:v>
                </c:pt>
                <c:pt idx="2657">
                  <c:v>351.91439999999994</c:v>
                </c:pt>
                <c:pt idx="2658">
                  <c:v>352.04759999999999</c:v>
                </c:pt>
                <c:pt idx="2659">
                  <c:v>352.18079999999998</c:v>
                </c:pt>
                <c:pt idx="2660">
                  <c:v>352.31399999999996</c:v>
                </c:pt>
                <c:pt idx="2661">
                  <c:v>352.44719999999995</c:v>
                </c:pt>
                <c:pt idx="2662">
                  <c:v>352.58039999999994</c:v>
                </c:pt>
                <c:pt idx="2663">
                  <c:v>352.71359999999999</c:v>
                </c:pt>
                <c:pt idx="2664">
                  <c:v>352.84679999999997</c:v>
                </c:pt>
                <c:pt idx="2665">
                  <c:v>352.97999999999996</c:v>
                </c:pt>
                <c:pt idx="2666">
                  <c:v>353.11319999999995</c:v>
                </c:pt>
                <c:pt idx="2667">
                  <c:v>353.24639999999994</c:v>
                </c:pt>
                <c:pt idx="2668">
                  <c:v>353.37959999999998</c:v>
                </c:pt>
                <c:pt idx="2669">
                  <c:v>353.51279999999997</c:v>
                </c:pt>
                <c:pt idx="2670">
                  <c:v>353.64599999999996</c:v>
                </c:pt>
                <c:pt idx="2671">
                  <c:v>353.77919999999995</c:v>
                </c:pt>
                <c:pt idx="2672">
                  <c:v>353.91239999999999</c:v>
                </c:pt>
                <c:pt idx="2673">
                  <c:v>354.04559999999998</c:v>
                </c:pt>
                <c:pt idx="2674">
                  <c:v>354.17879999999997</c:v>
                </c:pt>
                <c:pt idx="2675">
                  <c:v>354.31199999999995</c:v>
                </c:pt>
                <c:pt idx="2676">
                  <c:v>354.44519999999994</c:v>
                </c:pt>
                <c:pt idx="2677">
                  <c:v>354.57839999999999</c:v>
                </c:pt>
                <c:pt idx="2678">
                  <c:v>354.71159999999998</c:v>
                </c:pt>
                <c:pt idx="2679">
                  <c:v>354.84479999999996</c:v>
                </c:pt>
                <c:pt idx="2680">
                  <c:v>354.97799999999995</c:v>
                </c:pt>
                <c:pt idx="2681">
                  <c:v>355.11119999999994</c:v>
                </c:pt>
                <c:pt idx="2682">
                  <c:v>355.24439999999998</c:v>
                </c:pt>
                <c:pt idx="2683">
                  <c:v>355.37759999999997</c:v>
                </c:pt>
                <c:pt idx="2684">
                  <c:v>355.51079999999996</c:v>
                </c:pt>
                <c:pt idx="2685">
                  <c:v>355.64399999999995</c:v>
                </c:pt>
                <c:pt idx="2686">
                  <c:v>355.77719999999994</c:v>
                </c:pt>
                <c:pt idx="2687">
                  <c:v>355.91039999999998</c:v>
                </c:pt>
                <c:pt idx="2688">
                  <c:v>356.04359999999997</c:v>
                </c:pt>
                <c:pt idx="2689">
                  <c:v>356.17680000000001</c:v>
                </c:pt>
                <c:pt idx="2690">
                  <c:v>356.30999999999995</c:v>
                </c:pt>
                <c:pt idx="2691">
                  <c:v>356.44319999999993</c:v>
                </c:pt>
                <c:pt idx="2692">
                  <c:v>356.57639999999998</c:v>
                </c:pt>
                <c:pt idx="2693">
                  <c:v>356.70959999999997</c:v>
                </c:pt>
                <c:pt idx="2694">
                  <c:v>356.84280000000001</c:v>
                </c:pt>
                <c:pt idx="2695">
                  <c:v>356.97599999999994</c:v>
                </c:pt>
                <c:pt idx="2696">
                  <c:v>357.10919999999993</c:v>
                </c:pt>
                <c:pt idx="2697">
                  <c:v>357.24239999999998</c:v>
                </c:pt>
                <c:pt idx="2698">
                  <c:v>357.37559999999996</c:v>
                </c:pt>
                <c:pt idx="2699">
                  <c:v>357.50880000000001</c:v>
                </c:pt>
                <c:pt idx="2700">
                  <c:v>357.64199999999994</c:v>
                </c:pt>
                <c:pt idx="2701">
                  <c:v>357.77519999999993</c:v>
                </c:pt>
                <c:pt idx="2702">
                  <c:v>357.90839999999997</c:v>
                </c:pt>
                <c:pt idx="2703">
                  <c:v>358.04159999999996</c:v>
                </c:pt>
                <c:pt idx="2704">
                  <c:v>358.1748</c:v>
                </c:pt>
                <c:pt idx="2705">
                  <c:v>358.30799999999994</c:v>
                </c:pt>
                <c:pt idx="2706">
                  <c:v>358.44119999999998</c:v>
                </c:pt>
                <c:pt idx="2707">
                  <c:v>358.57439999999997</c:v>
                </c:pt>
                <c:pt idx="2708">
                  <c:v>358.70759999999996</c:v>
                </c:pt>
                <c:pt idx="2709">
                  <c:v>358.8408</c:v>
                </c:pt>
                <c:pt idx="2710">
                  <c:v>358.97399999999993</c:v>
                </c:pt>
                <c:pt idx="2711">
                  <c:v>359.10719999999998</c:v>
                </c:pt>
                <c:pt idx="2712">
                  <c:v>359.24039999999997</c:v>
                </c:pt>
                <c:pt idx="2713">
                  <c:v>359.37359999999995</c:v>
                </c:pt>
                <c:pt idx="2714">
                  <c:v>359.5068</c:v>
                </c:pt>
                <c:pt idx="2715">
                  <c:v>359.63999999999993</c:v>
                </c:pt>
                <c:pt idx="2716">
                  <c:v>359.77319999999997</c:v>
                </c:pt>
                <c:pt idx="2717">
                  <c:v>359.90639999999996</c:v>
                </c:pt>
                <c:pt idx="2718">
                  <c:v>360.03959999999995</c:v>
                </c:pt>
                <c:pt idx="2719">
                  <c:v>360.1728</c:v>
                </c:pt>
                <c:pt idx="2720">
                  <c:v>360.30599999999993</c:v>
                </c:pt>
                <c:pt idx="2721">
                  <c:v>360.43919999999997</c:v>
                </c:pt>
                <c:pt idx="2722">
                  <c:v>360.57239999999996</c:v>
                </c:pt>
                <c:pt idx="2723">
                  <c:v>360.7056</c:v>
                </c:pt>
                <c:pt idx="2724">
                  <c:v>360.83879999999999</c:v>
                </c:pt>
                <c:pt idx="2725">
                  <c:v>360.97199999999992</c:v>
                </c:pt>
                <c:pt idx="2726">
                  <c:v>361.10519999999997</c:v>
                </c:pt>
                <c:pt idx="2727">
                  <c:v>361.23839999999996</c:v>
                </c:pt>
                <c:pt idx="2728">
                  <c:v>361.3716</c:v>
                </c:pt>
                <c:pt idx="2729">
                  <c:v>361.50479999999999</c:v>
                </c:pt>
                <c:pt idx="2730">
                  <c:v>361.63799999999992</c:v>
                </c:pt>
                <c:pt idx="2731">
                  <c:v>361.77119999999996</c:v>
                </c:pt>
                <c:pt idx="2732">
                  <c:v>361.90439999999995</c:v>
                </c:pt>
                <c:pt idx="2733">
                  <c:v>362.0376</c:v>
                </c:pt>
                <c:pt idx="2734">
                  <c:v>362.17079999999999</c:v>
                </c:pt>
                <c:pt idx="2735">
                  <c:v>362.30399999999992</c:v>
                </c:pt>
                <c:pt idx="2736">
                  <c:v>362.43719999999996</c:v>
                </c:pt>
                <c:pt idx="2737">
                  <c:v>362.57039999999995</c:v>
                </c:pt>
                <c:pt idx="2738">
                  <c:v>362.70359999999999</c:v>
                </c:pt>
                <c:pt idx="2739">
                  <c:v>362.83679999999998</c:v>
                </c:pt>
                <c:pt idx="2740">
                  <c:v>362.96999999999991</c:v>
                </c:pt>
                <c:pt idx="2741">
                  <c:v>363.10319999999996</c:v>
                </c:pt>
                <c:pt idx="2742">
                  <c:v>363.23639999999995</c:v>
                </c:pt>
                <c:pt idx="2743">
                  <c:v>363.36959999999999</c:v>
                </c:pt>
                <c:pt idx="2744">
                  <c:v>363.50279999999998</c:v>
                </c:pt>
                <c:pt idx="2745">
                  <c:v>363.63599999999997</c:v>
                </c:pt>
                <c:pt idx="2746">
                  <c:v>363.76919999999996</c:v>
                </c:pt>
                <c:pt idx="2747">
                  <c:v>363.90239999999994</c:v>
                </c:pt>
                <c:pt idx="2748">
                  <c:v>364.03559999999999</c:v>
                </c:pt>
                <c:pt idx="2749">
                  <c:v>364.16879999999998</c:v>
                </c:pt>
                <c:pt idx="2750">
                  <c:v>364.30199999999996</c:v>
                </c:pt>
                <c:pt idx="2751">
                  <c:v>364.43519999999995</c:v>
                </c:pt>
                <c:pt idx="2752">
                  <c:v>364.56839999999994</c:v>
                </c:pt>
                <c:pt idx="2753">
                  <c:v>364.70159999999998</c:v>
                </c:pt>
                <c:pt idx="2754">
                  <c:v>364.83479999999997</c:v>
                </c:pt>
                <c:pt idx="2755">
                  <c:v>364.96799999999996</c:v>
                </c:pt>
                <c:pt idx="2756">
                  <c:v>365.10119999999995</c:v>
                </c:pt>
                <c:pt idx="2757">
                  <c:v>365.23439999999994</c:v>
                </c:pt>
                <c:pt idx="2758">
                  <c:v>365.36759999999998</c:v>
                </c:pt>
                <c:pt idx="2759">
                  <c:v>365.50079999999997</c:v>
                </c:pt>
                <c:pt idx="2760">
                  <c:v>365.63399999999996</c:v>
                </c:pt>
                <c:pt idx="2761">
                  <c:v>365.76719999999995</c:v>
                </c:pt>
                <c:pt idx="2762">
                  <c:v>365.90039999999999</c:v>
                </c:pt>
                <c:pt idx="2763">
                  <c:v>366.03359999999998</c:v>
                </c:pt>
                <c:pt idx="2764">
                  <c:v>366.16679999999997</c:v>
                </c:pt>
                <c:pt idx="2765">
                  <c:v>366.29999999999995</c:v>
                </c:pt>
                <c:pt idx="2766">
                  <c:v>366.43319999999994</c:v>
                </c:pt>
                <c:pt idx="2767">
                  <c:v>366.56639999999999</c:v>
                </c:pt>
                <c:pt idx="2768">
                  <c:v>366.69959999999998</c:v>
                </c:pt>
                <c:pt idx="2769">
                  <c:v>366.83279999999996</c:v>
                </c:pt>
                <c:pt idx="2770">
                  <c:v>366.83279999999996</c:v>
                </c:pt>
                <c:pt idx="2771">
                  <c:v>366.83279999999996</c:v>
                </c:pt>
                <c:pt idx="2772">
                  <c:v>366.96599999999995</c:v>
                </c:pt>
                <c:pt idx="2773">
                  <c:v>367.09919999999994</c:v>
                </c:pt>
                <c:pt idx="2774">
                  <c:v>367.23239999999998</c:v>
                </c:pt>
                <c:pt idx="2775">
                  <c:v>367.36559999999997</c:v>
                </c:pt>
                <c:pt idx="2776">
                  <c:v>367.49879999999996</c:v>
                </c:pt>
                <c:pt idx="2777">
                  <c:v>367.63199999999995</c:v>
                </c:pt>
                <c:pt idx="2778">
                  <c:v>367.76519999999994</c:v>
                </c:pt>
                <c:pt idx="2779">
                  <c:v>367.89839999999998</c:v>
                </c:pt>
                <c:pt idx="2780">
                  <c:v>368.03159999999997</c:v>
                </c:pt>
                <c:pt idx="2781">
                  <c:v>368.16480000000001</c:v>
                </c:pt>
                <c:pt idx="2782">
                  <c:v>368.29799999999994</c:v>
                </c:pt>
                <c:pt idx="2783">
                  <c:v>368.43119999999993</c:v>
                </c:pt>
                <c:pt idx="2784">
                  <c:v>368.56439999999998</c:v>
                </c:pt>
                <c:pt idx="2785">
                  <c:v>368.69759999999997</c:v>
                </c:pt>
                <c:pt idx="2786">
                  <c:v>368.83080000000001</c:v>
                </c:pt>
                <c:pt idx="2787">
                  <c:v>368.96399999999994</c:v>
                </c:pt>
                <c:pt idx="2788">
                  <c:v>369.09719999999993</c:v>
                </c:pt>
                <c:pt idx="2789">
                  <c:v>369.23039999999997</c:v>
                </c:pt>
                <c:pt idx="2790">
                  <c:v>369.36359999999996</c:v>
                </c:pt>
                <c:pt idx="2791">
                  <c:v>369.49680000000001</c:v>
                </c:pt>
                <c:pt idx="2792">
                  <c:v>369.62999999999994</c:v>
                </c:pt>
                <c:pt idx="2793">
                  <c:v>369.76319999999993</c:v>
                </c:pt>
                <c:pt idx="2794">
                  <c:v>369.89639999999997</c:v>
                </c:pt>
                <c:pt idx="2795">
                  <c:v>370.02959999999996</c:v>
                </c:pt>
                <c:pt idx="2796">
                  <c:v>370.1628</c:v>
                </c:pt>
                <c:pt idx="2797">
                  <c:v>370.29599999999994</c:v>
                </c:pt>
                <c:pt idx="2798">
                  <c:v>370.42919999999998</c:v>
                </c:pt>
                <c:pt idx="2799">
                  <c:v>370.56239999999997</c:v>
                </c:pt>
                <c:pt idx="2800">
                  <c:v>370.69559999999996</c:v>
                </c:pt>
                <c:pt idx="2801">
                  <c:v>370.8288</c:v>
                </c:pt>
                <c:pt idx="2802">
                  <c:v>370.96199999999993</c:v>
                </c:pt>
                <c:pt idx="2803">
                  <c:v>371.09519999999998</c:v>
                </c:pt>
                <c:pt idx="2804">
                  <c:v>371.22839999999997</c:v>
                </c:pt>
                <c:pt idx="2805">
                  <c:v>371.36159999999995</c:v>
                </c:pt>
                <c:pt idx="2806">
                  <c:v>371.4948</c:v>
                </c:pt>
                <c:pt idx="2807">
                  <c:v>371.62799999999993</c:v>
                </c:pt>
                <c:pt idx="2808">
                  <c:v>371.76119999999997</c:v>
                </c:pt>
                <c:pt idx="2809">
                  <c:v>371.89439999999996</c:v>
                </c:pt>
                <c:pt idx="2810">
                  <c:v>372.02759999999995</c:v>
                </c:pt>
                <c:pt idx="2811">
                  <c:v>372.16079999999999</c:v>
                </c:pt>
                <c:pt idx="2812">
                  <c:v>372.29399999999993</c:v>
                </c:pt>
                <c:pt idx="2813">
                  <c:v>372.42719999999997</c:v>
                </c:pt>
                <c:pt idx="2814">
                  <c:v>372.56039999999996</c:v>
                </c:pt>
                <c:pt idx="2815">
                  <c:v>372.6936</c:v>
                </c:pt>
                <c:pt idx="2816">
                  <c:v>372.82679999999999</c:v>
                </c:pt>
                <c:pt idx="2817">
                  <c:v>372.95999999999992</c:v>
                </c:pt>
                <c:pt idx="2818">
                  <c:v>373.09319999999997</c:v>
                </c:pt>
                <c:pt idx="2819">
                  <c:v>373.22639999999996</c:v>
                </c:pt>
                <c:pt idx="2820">
                  <c:v>373.3596</c:v>
                </c:pt>
                <c:pt idx="2821">
                  <c:v>373.49279999999999</c:v>
                </c:pt>
                <c:pt idx="2822">
                  <c:v>373.62599999999992</c:v>
                </c:pt>
                <c:pt idx="2823">
                  <c:v>373.75919999999996</c:v>
                </c:pt>
                <c:pt idx="2824">
                  <c:v>373.89239999999995</c:v>
                </c:pt>
                <c:pt idx="2825">
                  <c:v>374.0256</c:v>
                </c:pt>
                <c:pt idx="2826">
                  <c:v>374.15879999999999</c:v>
                </c:pt>
                <c:pt idx="2827">
                  <c:v>374.29199999999992</c:v>
                </c:pt>
                <c:pt idx="2828">
                  <c:v>374.42519999999996</c:v>
                </c:pt>
                <c:pt idx="2829">
                  <c:v>374.55839999999995</c:v>
                </c:pt>
                <c:pt idx="2830">
                  <c:v>374.69159999999999</c:v>
                </c:pt>
                <c:pt idx="2831">
                  <c:v>374.82479999999998</c:v>
                </c:pt>
                <c:pt idx="2832">
                  <c:v>374.95799999999997</c:v>
                </c:pt>
                <c:pt idx="2833">
                  <c:v>375.09119999999996</c:v>
                </c:pt>
                <c:pt idx="2834">
                  <c:v>375.22439999999995</c:v>
                </c:pt>
                <c:pt idx="2835">
                  <c:v>375.35759999999999</c:v>
                </c:pt>
                <c:pt idx="2836">
                  <c:v>375.49079999999998</c:v>
                </c:pt>
                <c:pt idx="2837">
                  <c:v>375.62399999999997</c:v>
                </c:pt>
                <c:pt idx="2838">
                  <c:v>375.75719999999995</c:v>
                </c:pt>
                <c:pt idx="2839">
                  <c:v>375.89039999999994</c:v>
                </c:pt>
                <c:pt idx="2840">
                  <c:v>376.02359999999999</c:v>
                </c:pt>
                <c:pt idx="2841">
                  <c:v>376.15679999999998</c:v>
                </c:pt>
                <c:pt idx="2842">
                  <c:v>376.28999999999996</c:v>
                </c:pt>
                <c:pt idx="2843">
                  <c:v>376.42319999999995</c:v>
                </c:pt>
                <c:pt idx="2844">
                  <c:v>376.55639999999994</c:v>
                </c:pt>
                <c:pt idx="2845">
                  <c:v>376.68959999999998</c:v>
                </c:pt>
                <c:pt idx="2846">
                  <c:v>376.82279999999997</c:v>
                </c:pt>
                <c:pt idx="2847">
                  <c:v>376.95599999999996</c:v>
                </c:pt>
                <c:pt idx="2848">
                  <c:v>377.08919999999995</c:v>
                </c:pt>
                <c:pt idx="2849">
                  <c:v>377.22239999999999</c:v>
                </c:pt>
                <c:pt idx="2850">
                  <c:v>377.35559999999998</c:v>
                </c:pt>
                <c:pt idx="2851">
                  <c:v>377.48879999999997</c:v>
                </c:pt>
                <c:pt idx="2852">
                  <c:v>377.62199999999996</c:v>
                </c:pt>
                <c:pt idx="2853">
                  <c:v>377.75519999999995</c:v>
                </c:pt>
                <c:pt idx="2854">
                  <c:v>377.88839999999999</c:v>
                </c:pt>
                <c:pt idx="2855">
                  <c:v>378.02159999999998</c:v>
                </c:pt>
                <c:pt idx="2856">
                  <c:v>378.15479999999997</c:v>
                </c:pt>
                <c:pt idx="2857">
                  <c:v>378.28799999999995</c:v>
                </c:pt>
                <c:pt idx="2858">
                  <c:v>378.42119999999994</c:v>
                </c:pt>
                <c:pt idx="2859">
                  <c:v>378.55439999999999</c:v>
                </c:pt>
                <c:pt idx="2860">
                  <c:v>378.68759999999997</c:v>
                </c:pt>
                <c:pt idx="2861">
                  <c:v>378.82079999999996</c:v>
                </c:pt>
                <c:pt idx="2862">
                  <c:v>378.95399999999995</c:v>
                </c:pt>
                <c:pt idx="2863">
                  <c:v>379.08719999999994</c:v>
                </c:pt>
                <c:pt idx="2864">
                  <c:v>379.22039999999998</c:v>
                </c:pt>
                <c:pt idx="2865">
                  <c:v>379.35359999999997</c:v>
                </c:pt>
                <c:pt idx="2866">
                  <c:v>379.48680000000002</c:v>
                </c:pt>
                <c:pt idx="2867">
                  <c:v>379.61999999999995</c:v>
                </c:pt>
                <c:pt idx="2868">
                  <c:v>379.75319999999994</c:v>
                </c:pt>
                <c:pt idx="2869">
                  <c:v>379.88639999999998</c:v>
                </c:pt>
                <c:pt idx="2870">
                  <c:v>380.01959999999997</c:v>
                </c:pt>
                <c:pt idx="2871">
                  <c:v>380.15280000000001</c:v>
                </c:pt>
                <c:pt idx="2872">
                  <c:v>380.28599999999994</c:v>
                </c:pt>
                <c:pt idx="2873">
                  <c:v>380.41919999999993</c:v>
                </c:pt>
                <c:pt idx="2874">
                  <c:v>380.55239999999998</c:v>
                </c:pt>
                <c:pt idx="2875">
                  <c:v>380.68559999999997</c:v>
                </c:pt>
                <c:pt idx="2876">
                  <c:v>380.81880000000001</c:v>
                </c:pt>
                <c:pt idx="2877">
                  <c:v>380.95199999999994</c:v>
                </c:pt>
                <c:pt idx="2878">
                  <c:v>381.08519999999993</c:v>
                </c:pt>
                <c:pt idx="2879">
                  <c:v>381.21839999999997</c:v>
                </c:pt>
                <c:pt idx="2880">
                  <c:v>381.35159999999996</c:v>
                </c:pt>
                <c:pt idx="2881">
                  <c:v>381.48480000000001</c:v>
                </c:pt>
                <c:pt idx="2882">
                  <c:v>381.61799999999994</c:v>
                </c:pt>
                <c:pt idx="2883">
                  <c:v>381.75119999999993</c:v>
                </c:pt>
                <c:pt idx="2884">
                  <c:v>381.88439999999997</c:v>
                </c:pt>
                <c:pt idx="2885">
                  <c:v>382.01759999999996</c:v>
                </c:pt>
                <c:pt idx="2886">
                  <c:v>382.1508</c:v>
                </c:pt>
                <c:pt idx="2887">
                  <c:v>382.28399999999993</c:v>
                </c:pt>
                <c:pt idx="2888">
                  <c:v>382.41719999999998</c:v>
                </c:pt>
                <c:pt idx="2889">
                  <c:v>382.55039999999997</c:v>
                </c:pt>
                <c:pt idx="2890">
                  <c:v>382.68359999999996</c:v>
                </c:pt>
                <c:pt idx="2891">
                  <c:v>382.8168</c:v>
                </c:pt>
                <c:pt idx="2892">
                  <c:v>382.94999999999993</c:v>
                </c:pt>
                <c:pt idx="2893">
                  <c:v>383.08319999999998</c:v>
                </c:pt>
                <c:pt idx="2894">
                  <c:v>383.21639999999996</c:v>
                </c:pt>
                <c:pt idx="2895">
                  <c:v>383.34959999999995</c:v>
                </c:pt>
                <c:pt idx="2896">
                  <c:v>383.4828</c:v>
                </c:pt>
                <c:pt idx="2897">
                  <c:v>383.61599999999993</c:v>
                </c:pt>
                <c:pt idx="2898">
                  <c:v>383.74919999999997</c:v>
                </c:pt>
                <c:pt idx="2899">
                  <c:v>383.88239999999996</c:v>
                </c:pt>
                <c:pt idx="2900">
                  <c:v>384.01559999999995</c:v>
                </c:pt>
                <c:pt idx="2901">
                  <c:v>384.14879999999999</c:v>
                </c:pt>
                <c:pt idx="2902">
                  <c:v>384.28199999999993</c:v>
                </c:pt>
                <c:pt idx="2903">
                  <c:v>384.41519999999997</c:v>
                </c:pt>
                <c:pt idx="2904">
                  <c:v>384.54839999999996</c:v>
                </c:pt>
                <c:pt idx="2905">
                  <c:v>384.6816</c:v>
                </c:pt>
                <c:pt idx="2906">
                  <c:v>384.81479999999999</c:v>
                </c:pt>
                <c:pt idx="2907">
                  <c:v>384.94799999999992</c:v>
                </c:pt>
                <c:pt idx="2908">
                  <c:v>385.08119999999997</c:v>
                </c:pt>
                <c:pt idx="2909">
                  <c:v>385.21439999999996</c:v>
                </c:pt>
                <c:pt idx="2910">
                  <c:v>385.3476</c:v>
                </c:pt>
                <c:pt idx="2911">
                  <c:v>385.48079999999999</c:v>
                </c:pt>
                <c:pt idx="2912">
                  <c:v>385.61399999999992</c:v>
                </c:pt>
                <c:pt idx="2913">
                  <c:v>385.74719999999996</c:v>
                </c:pt>
                <c:pt idx="2914">
                  <c:v>385.88039999999995</c:v>
                </c:pt>
                <c:pt idx="2915">
                  <c:v>386.0136</c:v>
                </c:pt>
                <c:pt idx="2916">
                  <c:v>386.14679999999998</c:v>
                </c:pt>
                <c:pt idx="2917">
                  <c:v>386.27999999999992</c:v>
                </c:pt>
                <c:pt idx="2918">
                  <c:v>386.41319999999996</c:v>
                </c:pt>
                <c:pt idx="2919">
                  <c:v>386.54639999999995</c:v>
                </c:pt>
                <c:pt idx="2920">
                  <c:v>386.67959999999999</c:v>
                </c:pt>
                <c:pt idx="2921">
                  <c:v>386.81279999999998</c:v>
                </c:pt>
                <c:pt idx="2922">
                  <c:v>386.94599999999997</c:v>
                </c:pt>
                <c:pt idx="2923">
                  <c:v>387.07919999999996</c:v>
                </c:pt>
                <c:pt idx="2924">
                  <c:v>387.21239999999995</c:v>
                </c:pt>
                <c:pt idx="2925">
                  <c:v>387.34559999999999</c:v>
                </c:pt>
                <c:pt idx="2926">
                  <c:v>387.47879999999998</c:v>
                </c:pt>
                <c:pt idx="2927">
                  <c:v>387.61199999999997</c:v>
                </c:pt>
                <c:pt idx="2928">
                  <c:v>387.74519999999995</c:v>
                </c:pt>
                <c:pt idx="2929">
                  <c:v>387.87839999999994</c:v>
                </c:pt>
                <c:pt idx="2930">
                  <c:v>388.01159999999999</c:v>
                </c:pt>
                <c:pt idx="2931">
                  <c:v>388.14479999999998</c:v>
                </c:pt>
                <c:pt idx="2932">
                  <c:v>388.27799999999996</c:v>
                </c:pt>
                <c:pt idx="2933">
                  <c:v>388.41119999999995</c:v>
                </c:pt>
                <c:pt idx="2934">
                  <c:v>388.54439999999994</c:v>
                </c:pt>
                <c:pt idx="2935">
                  <c:v>388.67759999999998</c:v>
                </c:pt>
                <c:pt idx="2936">
                  <c:v>388.81079999999997</c:v>
                </c:pt>
                <c:pt idx="2937">
                  <c:v>388.94399999999996</c:v>
                </c:pt>
                <c:pt idx="2938">
                  <c:v>389.07719999999995</c:v>
                </c:pt>
                <c:pt idx="2939">
                  <c:v>389.21039999999999</c:v>
                </c:pt>
                <c:pt idx="2940">
                  <c:v>389.34359999999998</c:v>
                </c:pt>
                <c:pt idx="2941">
                  <c:v>389.47679999999997</c:v>
                </c:pt>
                <c:pt idx="2942">
                  <c:v>389.60999999999996</c:v>
                </c:pt>
                <c:pt idx="2943">
                  <c:v>389.74319999999994</c:v>
                </c:pt>
                <c:pt idx="2944">
                  <c:v>389.87639999999999</c:v>
                </c:pt>
                <c:pt idx="2945">
                  <c:v>390.00959999999998</c:v>
                </c:pt>
                <c:pt idx="2946">
                  <c:v>390.14279999999997</c:v>
                </c:pt>
                <c:pt idx="2947">
                  <c:v>390.27599999999995</c:v>
                </c:pt>
                <c:pt idx="2948">
                  <c:v>390.40919999999994</c:v>
                </c:pt>
                <c:pt idx="2949">
                  <c:v>390.54239999999999</c:v>
                </c:pt>
                <c:pt idx="2950">
                  <c:v>390.67559999999997</c:v>
                </c:pt>
                <c:pt idx="2951">
                  <c:v>390.80879999999996</c:v>
                </c:pt>
                <c:pt idx="2952">
                  <c:v>390.94199999999995</c:v>
                </c:pt>
                <c:pt idx="2953">
                  <c:v>391.07519999999994</c:v>
                </c:pt>
                <c:pt idx="2954">
                  <c:v>391.20839999999998</c:v>
                </c:pt>
                <c:pt idx="2955">
                  <c:v>391.34159999999997</c:v>
                </c:pt>
                <c:pt idx="2956">
                  <c:v>391.47480000000002</c:v>
                </c:pt>
                <c:pt idx="2957">
                  <c:v>391.60799999999995</c:v>
                </c:pt>
                <c:pt idx="2958">
                  <c:v>391.74119999999994</c:v>
                </c:pt>
                <c:pt idx="2959">
                  <c:v>391.87439999999998</c:v>
                </c:pt>
                <c:pt idx="2960">
                  <c:v>392.00759999999997</c:v>
                </c:pt>
                <c:pt idx="2961">
                  <c:v>392.14080000000001</c:v>
                </c:pt>
                <c:pt idx="2962">
                  <c:v>392.27399999999994</c:v>
                </c:pt>
                <c:pt idx="2963">
                  <c:v>392.40719999999993</c:v>
                </c:pt>
                <c:pt idx="2964">
                  <c:v>392.54039999999998</c:v>
                </c:pt>
                <c:pt idx="2965">
                  <c:v>392.67359999999996</c:v>
                </c:pt>
                <c:pt idx="2966">
                  <c:v>392.80680000000001</c:v>
                </c:pt>
                <c:pt idx="2967">
                  <c:v>392.93999999999994</c:v>
                </c:pt>
                <c:pt idx="2968">
                  <c:v>393.07319999999993</c:v>
                </c:pt>
                <c:pt idx="2969">
                  <c:v>393.20639999999997</c:v>
                </c:pt>
                <c:pt idx="2970">
                  <c:v>393.33959999999996</c:v>
                </c:pt>
                <c:pt idx="2971">
                  <c:v>393.47280000000001</c:v>
                </c:pt>
                <c:pt idx="2972">
                  <c:v>393.60599999999994</c:v>
                </c:pt>
                <c:pt idx="2973">
                  <c:v>393.73919999999993</c:v>
                </c:pt>
                <c:pt idx="2974">
                  <c:v>393.87239999999997</c:v>
                </c:pt>
                <c:pt idx="2975">
                  <c:v>394.00559999999996</c:v>
                </c:pt>
                <c:pt idx="2976">
                  <c:v>394.1388</c:v>
                </c:pt>
                <c:pt idx="2977">
                  <c:v>394.27199999999993</c:v>
                </c:pt>
                <c:pt idx="2978">
                  <c:v>394.40519999999998</c:v>
                </c:pt>
                <c:pt idx="2979">
                  <c:v>394.53839999999997</c:v>
                </c:pt>
                <c:pt idx="2980">
                  <c:v>394.67159999999996</c:v>
                </c:pt>
                <c:pt idx="2981">
                  <c:v>394.8048</c:v>
                </c:pt>
                <c:pt idx="2982">
                  <c:v>394.93799999999993</c:v>
                </c:pt>
                <c:pt idx="2983">
                  <c:v>395.07119999999998</c:v>
                </c:pt>
                <c:pt idx="2984">
                  <c:v>395.20439999999996</c:v>
                </c:pt>
                <c:pt idx="2985">
                  <c:v>395.33759999999995</c:v>
                </c:pt>
                <c:pt idx="2986">
                  <c:v>395.4708</c:v>
                </c:pt>
                <c:pt idx="2987">
                  <c:v>395.60399999999993</c:v>
                </c:pt>
                <c:pt idx="2988">
                  <c:v>395.73719999999997</c:v>
                </c:pt>
                <c:pt idx="2989">
                  <c:v>395.87039999999996</c:v>
                </c:pt>
                <c:pt idx="2990">
                  <c:v>396.00359999999995</c:v>
                </c:pt>
                <c:pt idx="2991">
                  <c:v>396.13679999999999</c:v>
                </c:pt>
                <c:pt idx="2992">
                  <c:v>396.26999999999992</c:v>
                </c:pt>
                <c:pt idx="2993">
                  <c:v>396.40319999999997</c:v>
                </c:pt>
                <c:pt idx="2994">
                  <c:v>396.53639999999996</c:v>
                </c:pt>
                <c:pt idx="2995">
                  <c:v>396.6696</c:v>
                </c:pt>
                <c:pt idx="2996">
                  <c:v>396.80279999999999</c:v>
                </c:pt>
                <c:pt idx="2997">
                  <c:v>396.93599999999992</c:v>
                </c:pt>
                <c:pt idx="2998">
                  <c:v>397.06919999999997</c:v>
                </c:pt>
                <c:pt idx="2999">
                  <c:v>397.20239999999995</c:v>
                </c:pt>
                <c:pt idx="3000">
                  <c:v>397.3356</c:v>
                </c:pt>
                <c:pt idx="3001">
                  <c:v>397.46879999999999</c:v>
                </c:pt>
                <c:pt idx="3002">
                  <c:v>397.60199999999992</c:v>
                </c:pt>
                <c:pt idx="3003">
                  <c:v>397.73519999999996</c:v>
                </c:pt>
                <c:pt idx="3004">
                  <c:v>397.86839999999995</c:v>
                </c:pt>
                <c:pt idx="3005">
                  <c:v>398.0016</c:v>
                </c:pt>
                <c:pt idx="3006">
                  <c:v>398.13479999999998</c:v>
                </c:pt>
                <c:pt idx="3007">
                  <c:v>398.26799999999992</c:v>
                </c:pt>
                <c:pt idx="3008">
                  <c:v>398.40119999999996</c:v>
                </c:pt>
                <c:pt idx="3009">
                  <c:v>398.53439999999995</c:v>
                </c:pt>
                <c:pt idx="3010">
                  <c:v>398.66759999999999</c:v>
                </c:pt>
                <c:pt idx="3011">
                  <c:v>398.80079999999998</c:v>
                </c:pt>
                <c:pt idx="3012">
                  <c:v>398.93399999999997</c:v>
                </c:pt>
                <c:pt idx="3013">
                  <c:v>399.06719999999996</c:v>
                </c:pt>
                <c:pt idx="3014">
                  <c:v>399.20039999999995</c:v>
                </c:pt>
                <c:pt idx="3015">
                  <c:v>399.33359999999999</c:v>
                </c:pt>
                <c:pt idx="3016">
                  <c:v>399.46679999999998</c:v>
                </c:pt>
                <c:pt idx="3017">
                  <c:v>399.59999999999997</c:v>
                </c:pt>
                <c:pt idx="3018">
                  <c:v>399.73319999999995</c:v>
                </c:pt>
                <c:pt idx="3019">
                  <c:v>399.86639999999994</c:v>
                </c:pt>
                <c:pt idx="3020">
                  <c:v>399.99959999999999</c:v>
                </c:pt>
                <c:pt idx="3021">
                  <c:v>400.13279999999997</c:v>
                </c:pt>
                <c:pt idx="3022">
                  <c:v>400.26599999999996</c:v>
                </c:pt>
                <c:pt idx="3023">
                  <c:v>400.39919999999995</c:v>
                </c:pt>
                <c:pt idx="3024">
                  <c:v>400.53239999999994</c:v>
                </c:pt>
                <c:pt idx="3025">
                  <c:v>400.66559999999998</c:v>
                </c:pt>
                <c:pt idx="3026">
                  <c:v>400.79879999999997</c:v>
                </c:pt>
                <c:pt idx="3027">
                  <c:v>400.93199999999996</c:v>
                </c:pt>
                <c:pt idx="3028">
                  <c:v>401.06519999999995</c:v>
                </c:pt>
                <c:pt idx="3029">
                  <c:v>401.19839999999999</c:v>
                </c:pt>
                <c:pt idx="3030">
                  <c:v>401.33159999999998</c:v>
                </c:pt>
                <c:pt idx="3031">
                  <c:v>401.46479999999997</c:v>
                </c:pt>
                <c:pt idx="3032">
                  <c:v>401.59799999999996</c:v>
                </c:pt>
                <c:pt idx="3033">
                  <c:v>401.73119999999994</c:v>
                </c:pt>
                <c:pt idx="3034">
                  <c:v>401.86439999999999</c:v>
                </c:pt>
                <c:pt idx="3035">
                  <c:v>401.99759999999998</c:v>
                </c:pt>
                <c:pt idx="3036">
                  <c:v>402.13079999999997</c:v>
                </c:pt>
                <c:pt idx="3037">
                  <c:v>402.26399999999995</c:v>
                </c:pt>
                <c:pt idx="3038">
                  <c:v>402.39719999999994</c:v>
                </c:pt>
                <c:pt idx="3039">
                  <c:v>402.53039999999999</c:v>
                </c:pt>
                <c:pt idx="3040">
                  <c:v>402.66359999999997</c:v>
                </c:pt>
                <c:pt idx="3041">
                  <c:v>402.79679999999996</c:v>
                </c:pt>
                <c:pt idx="3042">
                  <c:v>402.92999999999995</c:v>
                </c:pt>
                <c:pt idx="3043">
                  <c:v>403.06319999999994</c:v>
                </c:pt>
                <c:pt idx="3044">
                  <c:v>403.19639999999998</c:v>
                </c:pt>
                <c:pt idx="3045">
                  <c:v>403.32959999999997</c:v>
                </c:pt>
                <c:pt idx="3046">
                  <c:v>403.46280000000002</c:v>
                </c:pt>
                <c:pt idx="3047">
                  <c:v>403.59599999999995</c:v>
                </c:pt>
                <c:pt idx="3048">
                  <c:v>403.72919999999993</c:v>
                </c:pt>
                <c:pt idx="3049">
                  <c:v>403.86239999999998</c:v>
                </c:pt>
                <c:pt idx="3050">
                  <c:v>403.99559999999997</c:v>
                </c:pt>
                <c:pt idx="3051">
                  <c:v>404.12880000000001</c:v>
                </c:pt>
                <c:pt idx="3052">
                  <c:v>404.26199999999994</c:v>
                </c:pt>
                <c:pt idx="3053">
                  <c:v>404.39519999999993</c:v>
                </c:pt>
                <c:pt idx="3054">
                  <c:v>404.52839999999998</c:v>
                </c:pt>
                <c:pt idx="3055">
                  <c:v>404.66159999999996</c:v>
                </c:pt>
                <c:pt idx="3056">
                  <c:v>404.79480000000001</c:v>
                </c:pt>
                <c:pt idx="3057">
                  <c:v>404.92799999999994</c:v>
                </c:pt>
                <c:pt idx="3058">
                  <c:v>405.06119999999993</c:v>
                </c:pt>
                <c:pt idx="3059">
                  <c:v>405.19439999999997</c:v>
                </c:pt>
                <c:pt idx="3060">
                  <c:v>405.32759999999996</c:v>
                </c:pt>
                <c:pt idx="3061">
                  <c:v>405.46080000000001</c:v>
                </c:pt>
                <c:pt idx="3062">
                  <c:v>405.59399999999994</c:v>
                </c:pt>
                <c:pt idx="3063">
                  <c:v>405.72719999999993</c:v>
                </c:pt>
                <c:pt idx="3064">
                  <c:v>405.86039999999997</c:v>
                </c:pt>
                <c:pt idx="3065">
                  <c:v>405.99359999999996</c:v>
                </c:pt>
                <c:pt idx="3066">
                  <c:v>406.1268</c:v>
                </c:pt>
                <c:pt idx="3067">
                  <c:v>406.25999999999993</c:v>
                </c:pt>
                <c:pt idx="3068">
                  <c:v>406.39319999999998</c:v>
                </c:pt>
                <c:pt idx="3069">
                  <c:v>406.52639999999997</c:v>
                </c:pt>
                <c:pt idx="3070">
                  <c:v>406.65959999999995</c:v>
                </c:pt>
                <c:pt idx="3071">
                  <c:v>406.7928</c:v>
                </c:pt>
                <c:pt idx="3072">
                  <c:v>406.92599999999993</c:v>
                </c:pt>
                <c:pt idx="3073">
                  <c:v>407.05919999999998</c:v>
                </c:pt>
                <c:pt idx="3074">
                  <c:v>407.19239999999996</c:v>
                </c:pt>
                <c:pt idx="3075">
                  <c:v>407.32559999999995</c:v>
                </c:pt>
                <c:pt idx="3076">
                  <c:v>407.4588</c:v>
                </c:pt>
                <c:pt idx="3077">
                  <c:v>407.59199999999993</c:v>
                </c:pt>
                <c:pt idx="3078">
                  <c:v>407.72519999999997</c:v>
                </c:pt>
                <c:pt idx="3079">
                  <c:v>407.85839999999996</c:v>
                </c:pt>
                <c:pt idx="3080">
                  <c:v>407.99159999999995</c:v>
                </c:pt>
                <c:pt idx="3081">
                  <c:v>408.12479999999999</c:v>
                </c:pt>
                <c:pt idx="3082">
                  <c:v>408.25799999999992</c:v>
                </c:pt>
                <c:pt idx="3083">
                  <c:v>408.39119999999997</c:v>
                </c:pt>
                <c:pt idx="3084">
                  <c:v>408.52439999999996</c:v>
                </c:pt>
                <c:pt idx="3085">
                  <c:v>408.6576</c:v>
                </c:pt>
                <c:pt idx="3086">
                  <c:v>408.79079999999999</c:v>
                </c:pt>
                <c:pt idx="3087">
                  <c:v>408.92399999999992</c:v>
                </c:pt>
                <c:pt idx="3088">
                  <c:v>409.05719999999997</c:v>
                </c:pt>
                <c:pt idx="3089">
                  <c:v>409.19039999999995</c:v>
                </c:pt>
                <c:pt idx="3090">
                  <c:v>409.3236</c:v>
                </c:pt>
                <c:pt idx="3091">
                  <c:v>409.45679999999999</c:v>
                </c:pt>
                <c:pt idx="3092">
                  <c:v>409.58999999999992</c:v>
                </c:pt>
                <c:pt idx="3093">
                  <c:v>409.72319999999996</c:v>
                </c:pt>
                <c:pt idx="3094">
                  <c:v>409.85639999999995</c:v>
                </c:pt>
                <c:pt idx="3095">
                  <c:v>409.9896</c:v>
                </c:pt>
                <c:pt idx="3096">
                  <c:v>410.12279999999998</c:v>
                </c:pt>
                <c:pt idx="3097">
                  <c:v>410.25599999999991</c:v>
                </c:pt>
                <c:pt idx="3098">
                  <c:v>410.38919999999996</c:v>
                </c:pt>
                <c:pt idx="3099">
                  <c:v>410.52239999999995</c:v>
                </c:pt>
                <c:pt idx="3100">
                  <c:v>410.65559999999999</c:v>
                </c:pt>
                <c:pt idx="3101">
                  <c:v>410.78879999999998</c:v>
                </c:pt>
                <c:pt idx="3102">
                  <c:v>410.92199999999997</c:v>
                </c:pt>
                <c:pt idx="3103">
                  <c:v>411.05519999999996</c:v>
                </c:pt>
                <c:pt idx="3104">
                  <c:v>411.18839999999994</c:v>
                </c:pt>
                <c:pt idx="3105">
                  <c:v>411.32159999999999</c:v>
                </c:pt>
                <c:pt idx="3106">
                  <c:v>411.45479999999998</c:v>
                </c:pt>
                <c:pt idx="3107">
                  <c:v>411.58799999999997</c:v>
                </c:pt>
                <c:pt idx="3108">
                  <c:v>411.72119999999995</c:v>
                </c:pt>
                <c:pt idx="3109">
                  <c:v>411.85439999999994</c:v>
                </c:pt>
                <c:pt idx="3110">
                  <c:v>411.98759999999999</c:v>
                </c:pt>
                <c:pt idx="3111">
                  <c:v>412.12079999999997</c:v>
                </c:pt>
                <c:pt idx="3112">
                  <c:v>412.25399999999996</c:v>
                </c:pt>
                <c:pt idx="3113">
                  <c:v>412.38719999999995</c:v>
                </c:pt>
                <c:pt idx="3114">
                  <c:v>412.52039999999994</c:v>
                </c:pt>
                <c:pt idx="3115">
                  <c:v>412.65359999999998</c:v>
                </c:pt>
                <c:pt idx="3116">
                  <c:v>412.78679999999997</c:v>
                </c:pt>
                <c:pt idx="3117">
                  <c:v>412.91999999999996</c:v>
                </c:pt>
                <c:pt idx="3118">
                  <c:v>413.05319999999995</c:v>
                </c:pt>
                <c:pt idx="3119">
                  <c:v>413.18639999999999</c:v>
                </c:pt>
                <c:pt idx="3120">
                  <c:v>413.31959999999998</c:v>
                </c:pt>
                <c:pt idx="3121">
                  <c:v>413.45279999999997</c:v>
                </c:pt>
                <c:pt idx="3122">
                  <c:v>413.58599999999996</c:v>
                </c:pt>
                <c:pt idx="3123">
                  <c:v>413.71919999999994</c:v>
                </c:pt>
                <c:pt idx="3124">
                  <c:v>413.85239999999999</c:v>
                </c:pt>
                <c:pt idx="3125">
                  <c:v>413.98559999999998</c:v>
                </c:pt>
                <c:pt idx="3126">
                  <c:v>414.11879999999996</c:v>
                </c:pt>
                <c:pt idx="3127">
                  <c:v>414.25199999999995</c:v>
                </c:pt>
                <c:pt idx="3128">
                  <c:v>414.38519999999994</c:v>
                </c:pt>
                <c:pt idx="3129">
                  <c:v>414.51839999999999</c:v>
                </c:pt>
                <c:pt idx="3130">
                  <c:v>414.65159999999997</c:v>
                </c:pt>
                <c:pt idx="3131">
                  <c:v>414.78479999999996</c:v>
                </c:pt>
                <c:pt idx="3132">
                  <c:v>414.91799999999995</c:v>
                </c:pt>
                <c:pt idx="3133">
                  <c:v>415.05119999999994</c:v>
                </c:pt>
                <c:pt idx="3134">
                  <c:v>415.18439999999998</c:v>
                </c:pt>
                <c:pt idx="3135">
                  <c:v>415.31759999999997</c:v>
                </c:pt>
                <c:pt idx="3136">
                  <c:v>415.45080000000002</c:v>
                </c:pt>
                <c:pt idx="3137">
                  <c:v>415.58399999999995</c:v>
                </c:pt>
                <c:pt idx="3138">
                  <c:v>415.71719999999993</c:v>
                </c:pt>
                <c:pt idx="3139">
                  <c:v>415.85039999999998</c:v>
                </c:pt>
                <c:pt idx="3140">
                  <c:v>415.98359999999997</c:v>
                </c:pt>
                <c:pt idx="3141">
                  <c:v>416.11680000000001</c:v>
                </c:pt>
                <c:pt idx="3142">
                  <c:v>416.24999999999994</c:v>
                </c:pt>
                <c:pt idx="3143">
                  <c:v>416.38319999999993</c:v>
                </c:pt>
                <c:pt idx="3144">
                  <c:v>416.51639999999998</c:v>
                </c:pt>
                <c:pt idx="3145">
                  <c:v>416.64959999999996</c:v>
                </c:pt>
                <c:pt idx="3146">
                  <c:v>416.78280000000001</c:v>
                </c:pt>
                <c:pt idx="3147">
                  <c:v>416.91599999999994</c:v>
                </c:pt>
                <c:pt idx="3148">
                  <c:v>417.04919999999993</c:v>
                </c:pt>
                <c:pt idx="3149">
                  <c:v>417.18239999999997</c:v>
                </c:pt>
                <c:pt idx="3150">
                  <c:v>417.31559999999996</c:v>
                </c:pt>
                <c:pt idx="3151">
                  <c:v>417.44880000000001</c:v>
                </c:pt>
                <c:pt idx="3152">
                  <c:v>417.58199999999994</c:v>
                </c:pt>
                <c:pt idx="3153">
                  <c:v>417.71519999999998</c:v>
                </c:pt>
                <c:pt idx="3154">
                  <c:v>417.84839999999997</c:v>
                </c:pt>
                <c:pt idx="3155">
                  <c:v>417.98159999999996</c:v>
                </c:pt>
                <c:pt idx="3156">
                  <c:v>418.1148</c:v>
                </c:pt>
                <c:pt idx="3157">
                  <c:v>418.24799999999993</c:v>
                </c:pt>
                <c:pt idx="3158">
                  <c:v>418.38119999999998</c:v>
                </c:pt>
                <c:pt idx="3159">
                  <c:v>418.51439999999997</c:v>
                </c:pt>
                <c:pt idx="3160">
                  <c:v>418.64759999999995</c:v>
                </c:pt>
                <c:pt idx="3161">
                  <c:v>418.7808</c:v>
                </c:pt>
                <c:pt idx="3162">
                  <c:v>418.91399999999993</c:v>
                </c:pt>
                <c:pt idx="3163">
                  <c:v>419.04719999999998</c:v>
                </c:pt>
                <c:pt idx="3164">
                  <c:v>419.18039999999996</c:v>
                </c:pt>
                <c:pt idx="3165">
                  <c:v>419.31359999999995</c:v>
                </c:pt>
                <c:pt idx="3166">
                  <c:v>419.4468</c:v>
                </c:pt>
                <c:pt idx="3167">
                  <c:v>419.57999999999993</c:v>
                </c:pt>
                <c:pt idx="3168">
                  <c:v>419.71319999999997</c:v>
                </c:pt>
                <c:pt idx="3169">
                  <c:v>419.84639999999996</c:v>
                </c:pt>
                <c:pt idx="3170">
                  <c:v>419.9796</c:v>
                </c:pt>
                <c:pt idx="3171">
                  <c:v>420.11279999999999</c:v>
                </c:pt>
                <c:pt idx="3172">
                  <c:v>420.24599999999992</c:v>
                </c:pt>
                <c:pt idx="3173">
                  <c:v>420.37919999999997</c:v>
                </c:pt>
                <c:pt idx="3174">
                  <c:v>420.51239999999996</c:v>
                </c:pt>
                <c:pt idx="3175">
                  <c:v>420.6456</c:v>
                </c:pt>
                <c:pt idx="3176">
                  <c:v>420.77879999999999</c:v>
                </c:pt>
                <c:pt idx="3177">
                  <c:v>420.91199999999992</c:v>
                </c:pt>
                <c:pt idx="3178">
                  <c:v>421.04519999999997</c:v>
                </c:pt>
                <c:pt idx="3179">
                  <c:v>421.17839999999995</c:v>
                </c:pt>
                <c:pt idx="3180">
                  <c:v>421.3116</c:v>
                </c:pt>
                <c:pt idx="3181">
                  <c:v>421.44479999999999</c:v>
                </c:pt>
                <c:pt idx="3182">
                  <c:v>421.57799999999992</c:v>
                </c:pt>
                <c:pt idx="3183">
                  <c:v>421.71119999999996</c:v>
                </c:pt>
                <c:pt idx="3184">
                  <c:v>421.84439999999995</c:v>
                </c:pt>
                <c:pt idx="3185">
                  <c:v>421.9776</c:v>
                </c:pt>
                <c:pt idx="3186">
                  <c:v>422.11079999999998</c:v>
                </c:pt>
                <c:pt idx="3187">
                  <c:v>422.24399999999991</c:v>
                </c:pt>
                <c:pt idx="3188">
                  <c:v>422.37719999999996</c:v>
                </c:pt>
                <c:pt idx="3189">
                  <c:v>422.51039999999995</c:v>
                </c:pt>
                <c:pt idx="3190">
                  <c:v>422.64359999999999</c:v>
                </c:pt>
                <c:pt idx="3191">
                  <c:v>422.77679999999998</c:v>
                </c:pt>
                <c:pt idx="3192">
                  <c:v>422.90999999999997</c:v>
                </c:pt>
                <c:pt idx="3193">
                  <c:v>423.04319999999996</c:v>
                </c:pt>
                <c:pt idx="3194">
                  <c:v>423.17639999999994</c:v>
                </c:pt>
                <c:pt idx="3195">
                  <c:v>423.30959999999999</c:v>
                </c:pt>
                <c:pt idx="3196">
                  <c:v>423.44279999999998</c:v>
                </c:pt>
                <c:pt idx="3197">
                  <c:v>423.57599999999996</c:v>
                </c:pt>
                <c:pt idx="3198">
                  <c:v>423.70919999999995</c:v>
                </c:pt>
                <c:pt idx="3199">
                  <c:v>423.84239999999994</c:v>
                </c:pt>
                <c:pt idx="3200">
                  <c:v>423.97559999999999</c:v>
                </c:pt>
                <c:pt idx="3201">
                  <c:v>424.10879999999997</c:v>
                </c:pt>
                <c:pt idx="3202">
                  <c:v>424.24199999999996</c:v>
                </c:pt>
                <c:pt idx="3203">
                  <c:v>424.37519999999995</c:v>
                </c:pt>
                <c:pt idx="3204">
                  <c:v>424.50839999999994</c:v>
                </c:pt>
                <c:pt idx="3205">
                  <c:v>424.64159999999998</c:v>
                </c:pt>
                <c:pt idx="3206">
                  <c:v>424.77479999999997</c:v>
                </c:pt>
                <c:pt idx="3207">
                  <c:v>424.90799999999996</c:v>
                </c:pt>
                <c:pt idx="3208">
                  <c:v>425.04119999999995</c:v>
                </c:pt>
                <c:pt idx="3209">
                  <c:v>425.17439999999999</c:v>
                </c:pt>
                <c:pt idx="3210">
                  <c:v>425.30759999999998</c:v>
                </c:pt>
                <c:pt idx="3211">
                  <c:v>425.44079999999997</c:v>
                </c:pt>
                <c:pt idx="3212">
                  <c:v>425.57399999999996</c:v>
                </c:pt>
                <c:pt idx="3213">
                  <c:v>425.70719999999994</c:v>
                </c:pt>
                <c:pt idx="3214">
                  <c:v>425.84039999999999</c:v>
                </c:pt>
                <c:pt idx="3215">
                  <c:v>425.97359999999998</c:v>
                </c:pt>
                <c:pt idx="3216">
                  <c:v>426.10679999999996</c:v>
                </c:pt>
                <c:pt idx="3217">
                  <c:v>426.23999999999995</c:v>
                </c:pt>
                <c:pt idx="3218">
                  <c:v>426.37319999999994</c:v>
                </c:pt>
                <c:pt idx="3219">
                  <c:v>426.50639999999999</c:v>
                </c:pt>
                <c:pt idx="3220">
                  <c:v>426.63959999999997</c:v>
                </c:pt>
                <c:pt idx="3221">
                  <c:v>426.77279999999996</c:v>
                </c:pt>
                <c:pt idx="3222">
                  <c:v>426.90599999999995</c:v>
                </c:pt>
                <c:pt idx="3223">
                  <c:v>427.03919999999994</c:v>
                </c:pt>
                <c:pt idx="3224">
                  <c:v>427.17239999999998</c:v>
                </c:pt>
                <c:pt idx="3225">
                  <c:v>427.30559999999997</c:v>
                </c:pt>
                <c:pt idx="3226">
                  <c:v>427.43880000000001</c:v>
                </c:pt>
                <c:pt idx="3227">
                  <c:v>427.57199999999995</c:v>
                </c:pt>
                <c:pt idx="3228">
                  <c:v>427.70519999999993</c:v>
                </c:pt>
                <c:pt idx="3229">
                  <c:v>427.83839999999998</c:v>
                </c:pt>
                <c:pt idx="3230">
                  <c:v>427.97159999999997</c:v>
                </c:pt>
                <c:pt idx="3231">
                  <c:v>428.10480000000001</c:v>
                </c:pt>
                <c:pt idx="3232">
                  <c:v>428.23799999999994</c:v>
                </c:pt>
                <c:pt idx="3233">
                  <c:v>428.37119999999993</c:v>
                </c:pt>
                <c:pt idx="3234">
                  <c:v>428.50439999999998</c:v>
                </c:pt>
                <c:pt idx="3235">
                  <c:v>428.63759999999996</c:v>
                </c:pt>
                <c:pt idx="3236">
                  <c:v>428.77080000000001</c:v>
                </c:pt>
                <c:pt idx="3237">
                  <c:v>428.90399999999994</c:v>
                </c:pt>
                <c:pt idx="3238">
                  <c:v>429.03719999999993</c:v>
                </c:pt>
                <c:pt idx="3239">
                  <c:v>429.17039999999997</c:v>
                </c:pt>
                <c:pt idx="3240">
                  <c:v>429.30359999999996</c:v>
                </c:pt>
                <c:pt idx="3241">
                  <c:v>429.43680000000001</c:v>
                </c:pt>
                <c:pt idx="3242">
                  <c:v>429.56999999999994</c:v>
                </c:pt>
                <c:pt idx="3243">
                  <c:v>429.70319999999998</c:v>
                </c:pt>
                <c:pt idx="3244">
                  <c:v>429.83639999999997</c:v>
                </c:pt>
                <c:pt idx="3245">
                  <c:v>429.96959999999996</c:v>
                </c:pt>
                <c:pt idx="3246">
                  <c:v>430.1028</c:v>
                </c:pt>
                <c:pt idx="3247">
                  <c:v>430.23599999999993</c:v>
                </c:pt>
                <c:pt idx="3248">
                  <c:v>430.36919999999998</c:v>
                </c:pt>
                <c:pt idx="3249">
                  <c:v>430.50239999999997</c:v>
                </c:pt>
                <c:pt idx="3250">
                  <c:v>430.63559999999995</c:v>
                </c:pt>
                <c:pt idx="3251">
                  <c:v>430.7688</c:v>
                </c:pt>
                <c:pt idx="3252">
                  <c:v>430.90199999999993</c:v>
                </c:pt>
                <c:pt idx="3253">
                  <c:v>431.03519999999997</c:v>
                </c:pt>
                <c:pt idx="3254">
                  <c:v>431.16839999999996</c:v>
                </c:pt>
                <c:pt idx="3255">
                  <c:v>431.30159999999995</c:v>
                </c:pt>
                <c:pt idx="3256">
                  <c:v>431.4348</c:v>
                </c:pt>
                <c:pt idx="3257">
                  <c:v>431.56799999999993</c:v>
                </c:pt>
                <c:pt idx="3258">
                  <c:v>431.70119999999997</c:v>
                </c:pt>
                <c:pt idx="3259">
                  <c:v>431.83439999999996</c:v>
                </c:pt>
                <c:pt idx="3260">
                  <c:v>431.9676</c:v>
                </c:pt>
                <c:pt idx="3261">
                  <c:v>432.10079999999999</c:v>
                </c:pt>
                <c:pt idx="3262">
                  <c:v>432.23399999999992</c:v>
                </c:pt>
                <c:pt idx="3263">
                  <c:v>432.36719999999997</c:v>
                </c:pt>
                <c:pt idx="3264">
                  <c:v>432.50039999999996</c:v>
                </c:pt>
                <c:pt idx="3265">
                  <c:v>432.6336</c:v>
                </c:pt>
                <c:pt idx="3266">
                  <c:v>432.76679999999999</c:v>
                </c:pt>
                <c:pt idx="3267">
                  <c:v>432.89999999999992</c:v>
                </c:pt>
                <c:pt idx="3268">
                  <c:v>433.03319999999997</c:v>
                </c:pt>
                <c:pt idx="3269">
                  <c:v>433.16639999999995</c:v>
                </c:pt>
                <c:pt idx="3270">
                  <c:v>433.2996</c:v>
                </c:pt>
                <c:pt idx="3271">
                  <c:v>433.43279999999999</c:v>
                </c:pt>
                <c:pt idx="3272">
                  <c:v>433.56599999999992</c:v>
                </c:pt>
                <c:pt idx="3273">
                  <c:v>433.69919999999996</c:v>
                </c:pt>
                <c:pt idx="3274">
                  <c:v>433.83239999999995</c:v>
                </c:pt>
                <c:pt idx="3275">
                  <c:v>433.96559999999999</c:v>
                </c:pt>
                <c:pt idx="3276">
                  <c:v>434.09879999999998</c:v>
                </c:pt>
                <c:pt idx="3277">
                  <c:v>434.23199999999991</c:v>
                </c:pt>
                <c:pt idx="3278">
                  <c:v>434.36519999999996</c:v>
                </c:pt>
                <c:pt idx="3279">
                  <c:v>434.49839999999995</c:v>
                </c:pt>
                <c:pt idx="3280">
                  <c:v>434.63159999999999</c:v>
                </c:pt>
                <c:pt idx="3281">
                  <c:v>434.76479999999998</c:v>
                </c:pt>
                <c:pt idx="3282">
                  <c:v>434.89799999999997</c:v>
                </c:pt>
                <c:pt idx="3283">
                  <c:v>435.03119999999996</c:v>
                </c:pt>
                <c:pt idx="3284">
                  <c:v>435.16439999999994</c:v>
                </c:pt>
                <c:pt idx="3285">
                  <c:v>435.29759999999999</c:v>
                </c:pt>
                <c:pt idx="3286">
                  <c:v>435.43079999999998</c:v>
                </c:pt>
                <c:pt idx="3287">
                  <c:v>435.56399999999996</c:v>
                </c:pt>
                <c:pt idx="3288">
                  <c:v>435.69719999999995</c:v>
                </c:pt>
                <c:pt idx="3289">
                  <c:v>435.83039999999994</c:v>
                </c:pt>
                <c:pt idx="3290">
                  <c:v>435.96359999999999</c:v>
                </c:pt>
                <c:pt idx="3291">
                  <c:v>436.09679999999997</c:v>
                </c:pt>
                <c:pt idx="3292">
                  <c:v>436.22999999999996</c:v>
                </c:pt>
                <c:pt idx="3293">
                  <c:v>436.36319999999995</c:v>
                </c:pt>
                <c:pt idx="3294">
                  <c:v>436.49639999999994</c:v>
                </c:pt>
                <c:pt idx="3295">
                  <c:v>436.62959999999998</c:v>
                </c:pt>
                <c:pt idx="3296">
                  <c:v>436.76279999999997</c:v>
                </c:pt>
                <c:pt idx="3297">
                  <c:v>436.89599999999996</c:v>
                </c:pt>
                <c:pt idx="3298">
                  <c:v>437.02919999999995</c:v>
                </c:pt>
                <c:pt idx="3299">
                  <c:v>437.16239999999999</c:v>
                </c:pt>
                <c:pt idx="3300">
                  <c:v>437.29559999999998</c:v>
                </c:pt>
                <c:pt idx="3301">
                  <c:v>437.42879999999997</c:v>
                </c:pt>
                <c:pt idx="3302">
                  <c:v>437.56199999999995</c:v>
                </c:pt>
                <c:pt idx="3303">
                  <c:v>437.69519999999994</c:v>
                </c:pt>
                <c:pt idx="3304">
                  <c:v>437.82839999999999</c:v>
                </c:pt>
                <c:pt idx="3305">
                  <c:v>437.96159999999998</c:v>
                </c:pt>
                <c:pt idx="3306">
                  <c:v>438.09479999999996</c:v>
                </c:pt>
                <c:pt idx="3307">
                  <c:v>438.22799999999995</c:v>
                </c:pt>
                <c:pt idx="3308">
                  <c:v>438.36119999999994</c:v>
                </c:pt>
                <c:pt idx="3309">
                  <c:v>438.49439999999998</c:v>
                </c:pt>
                <c:pt idx="3310">
                  <c:v>438.62759999999997</c:v>
                </c:pt>
                <c:pt idx="3311">
                  <c:v>438.76079999999996</c:v>
                </c:pt>
                <c:pt idx="3312">
                  <c:v>438.89399999999995</c:v>
                </c:pt>
                <c:pt idx="3313">
                  <c:v>439.02719999999994</c:v>
                </c:pt>
                <c:pt idx="3314">
                  <c:v>439.16039999999998</c:v>
                </c:pt>
                <c:pt idx="3315">
                  <c:v>439.29359999999997</c:v>
                </c:pt>
                <c:pt idx="3316">
                  <c:v>439.42680000000001</c:v>
                </c:pt>
                <c:pt idx="3317">
                  <c:v>439.55999999999995</c:v>
                </c:pt>
                <c:pt idx="3318">
                  <c:v>439.69319999999993</c:v>
                </c:pt>
                <c:pt idx="3319">
                  <c:v>439.82639999999998</c:v>
                </c:pt>
                <c:pt idx="3320">
                  <c:v>439.95959999999997</c:v>
                </c:pt>
                <c:pt idx="3321">
                  <c:v>440.09280000000001</c:v>
                </c:pt>
                <c:pt idx="3322">
                  <c:v>440.22599999999994</c:v>
                </c:pt>
                <c:pt idx="3323">
                  <c:v>440.35919999999993</c:v>
                </c:pt>
                <c:pt idx="3324">
                  <c:v>440.49239999999998</c:v>
                </c:pt>
                <c:pt idx="3325">
                  <c:v>440.62559999999996</c:v>
                </c:pt>
                <c:pt idx="3326">
                  <c:v>440.75880000000001</c:v>
                </c:pt>
                <c:pt idx="3327">
                  <c:v>440.89199999999994</c:v>
                </c:pt>
                <c:pt idx="3328">
                  <c:v>441.02519999999993</c:v>
                </c:pt>
                <c:pt idx="3329">
                  <c:v>441.15839999999997</c:v>
                </c:pt>
                <c:pt idx="3330">
                  <c:v>441.29159999999996</c:v>
                </c:pt>
                <c:pt idx="3331">
                  <c:v>441.4248</c:v>
                </c:pt>
                <c:pt idx="3332">
                  <c:v>441.55799999999994</c:v>
                </c:pt>
                <c:pt idx="3333">
                  <c:v>441.69119999999998</c:v>
                </c:pt>
                <c:pt idx="3334">
                  <c:v>441.82439999999997</c:v>
                </c:pt>
                <c:pt idx="3335">
                  <c:v>441.95759999999996</c:v>
                </c:pt>
                <c:pt idx="3336">
                  <c:v>442.0908</c:v>
                </c:pt>
                <c:pt idx="3337">
                  <c:v>442.22399999999993</c:v>
                </c:pt>
                <c:pt idx="3338">
                  <c:v>442.35719999999998</c:v>
                </c:pt>
                <c:pt idx="3339">
                  <c:v>442.49039999999997</c:v>
                </c:pt>
                <c:pt idx="3340">
                  <c:v>442.62359999999995</c:v>
                </c:pt>
                <c:pt idx="3341">
                  <c:v>442.7568</c:v>
                </c:pt>
                <c:pt idx="3342">
                  <c:v>442.88999999999993</c:v>
                </c:pt>
                <c:pt idx="3343">
                  <c:v>443.02319999999997</c:v>
                </c:pt>
                <c:pt idx="3344">
                  <c:v>443.15639999999996</c:v>
                </c:pt>
                <c:pt idx="3345">
                  <c:v>443.28959999999995</c:v>
                </c:pt>
                <c:pt idx="3346">
                  <c:v>443.4228</c:v>
                </c:pt>
                <c:pt idx="3347">
                  <c:v>443.55599999999993</c:v>
                </c:pt>
                <c:pt idx="3348">
                  <c:v>443.68919999999997</c:v>
                </c:pt>
                <c:pt idx="3349">
                  <c:v>443.82239999999996</c:v>
                </c:pt>
                <c:pt idx="3350">
                  <c:v>443.9556</c:v>
                </c:pt>
                <c:pt idx="3351">
                  <c:v>444.08879999999999</c:v>
                </c:pt>
                <c:pt idx="3352">
                  <c:v>444.22199999999992</c:v>
                </c:pt>
                <c:pt idx="3353">
                  <c:v>444.35519999999997</c:v>
                </c:pt>
                <c:pt idx="3354">
                  <c:v>444.48839999999996</c:v>
                </c:pt>
                <c:pt idx="3355">
                  <c:v>444.6216</c:v>
                </c:pt>
                <c:pt idx="3356">
                  <c:v>444.75479999999999</c:v>
                </c:pt>
                <c:pt idx="3357">
                  <c:v>444.88799999999992</c:v>
                </c:pt>
                <c:pt idx="3358">
                  <c:v>445.02119999999996</c:v>
                </c:pt>
                <c:pt idx="3359">
                  <c:v>445.15439999999995</c:v>
                </c:pt>
                <c:pt idx="3360">
                  <c:v>445.2876</c:v>
                </c:pt>
                <c:pt idx="3361">
                  <c:v>445.42079999999999</c:v>
                </c:pt>
                <c:pt idx="3362">
                  <c:v>445.55399999999992</c:v>
                </c:pt>
                <c:pt idx="3363">
                  <c:v>445.68719999999996</c:v>
                </c:pt>
                <c:pt idx="3364">
                  <c:v>445.82039999999995</c:v>
                </c:pt>
                <c:pt idx="3365">
                  <c:v>445.95359999999999</c:v>
                </c:pt>
                <c:pt idx="3366">
                  <c:v>446.08679999999998</c:v>
                </c:pt>
                <c:pt idx="3367">
                  <c:v>446.21999999999991</c:v>
                </c:pt>
                <c:pt idx="3368">
                  <c:v>446.35319999999996</c:v>
                </c:pt>
                <c:pt idx="3369">
                  <c:v>446.48639999999995</c:v>
                </c:pt>
                <c:pt idx="3370">
                  <c:v>446.61959999999999</c:v>
                </c:pt>
                <c:pt idx="3371">
                  <c:v>446.75279999999998</c:v>
                </c:pt>
                <c:pt idx="3372">
                  <c:v>446.88599999999997</c:v>
                </c:pt>
                <c:pt idx="3373">
                  <c:v>447.01919999999996</c:v>
                </c:pt>
                <c:pt idx="3374">
                  <c:v>447.15239999999994</c:v>
                </c:pt>
                <c:pt idx="3375">
                  <c:v>447.28559999999999</c:v>
                </c:pt>
                <c:pt idx="3376">
                  <c:v>447.41879999999998</c:v>
                </c:pt>
                <c:pt idx="3377">
                  <c:v>447.55199999999996</c:v>
                </c:pt>
                <c:pt idx="3378">
                  <c:v>447.68519999999995</c:v>
                </c:pt>
                <c:pt idx="3379">
                  <c:v>447.81839999999994</c:v>
                </c:pt>
                <c:pt idx="3380">
                  <c:v>447.95159999999998</c:v>
                </c:pt>
                <c:pt idx="3381">
                  <c:v>448.08479999999997</c:v>
                </c:pt>
                <c:pt idx="3382">
                  <c:v>448.21799999999996</c:v>
                </c:pt>
                <c:pt idx="3383">
                  <c:v>448.35119999999995</c:v>
                </c:pt>
                <c:pt idx="3384">
                  <c:v>448.48439999999994</c:v>
                </c:pt>
                <c:pt idx="3385">
                  <c:v>448.61759999999998</c:v>
                </c:pt>
                <c:pt idx="3386">
                  <c:v>448.75079999999997</c:v>
                </c:pt>
                <c:pt idx="3387">
                  <c:v>448.88399999999996</c:v>
                </c:pt>
                <c:pt idx="3388">
                  <c:v>449.01719999999995</c:v>
                </c:pt>
                <c:pt idx="3389">
                  <c:v>449.15039999999999</c:v>
                </c:pt>
                <c:pt idx="3390">
                  <c:v>449.28359999999998</c:v>
                </c:pt>
                <c:pt idx="3391">
                  <c:v>449.41679999999997</c:v>
                </c:pt>
                <c:pt idx="3392">
                  <c:v>449.54999999999995</c:v>
                </c:pt>
                <c:pt idx="3393">
                  <c:v>449.68319999999994</c:v>
                </c:pt>
                <c:pt idx="3394">
                  <c:v>449.81639999999999</c:v>
                </c:pt>
                <c:pt idx="3395">
                  <c:v>449.94959999999998</c:v>
                </c:pt>
                <c:pt idx="3396">
                  <c:v>450.08279999999996</c:v>
                </c:pt>
                <c:pt idx="3397">
                  <c:v>450.21599999999995</c:v>
                </c:pt>
                <c:pt idx="3398">
                  <c:v>450.34919999999994</c:v>
                </c:pt>
                <c:pt idx="3399">
                  <c:v>450.48239999999998</c:v>
                </c:pt>
                <c:pt idx="3400">
                  <c:v>450.61559999999997</c:v>
                </c:pt>
                <c:pt idx="3401">
                  <c:v>450.74879999999996</c:v>
                </c:pt>
                <c:pt idx="3402">
                  <c:v>450.88199999999995</c:v>
                </c:pt>
                <c:pt idx="3403">
                  <c:v>451.01519999999994</c:v>
                </c:pt>
                <c:pt idx="3404">
                  <c:v>451.14839999999998</c:v>
                </c:pt>
                <c:pt idx="3405">
                  <c:v>451.28159999999997</c:v>
                </c:pt>
                <c:pt idx="3406">
                  <c:v>451.41480000000001</c:v>
                </c:pt>
                <c:pt idx="3407">
                  <c:v>451.54799999999994</c:v>
                </c:pt>
                <c:pt idx="3408">
                  <c:v>451.68119999999993</c:v>
                </c:pt>
                <c:pt idx="3409">
                  <c:v>451.81439999999998</c:v>
                </c:pt>
                <c:pt idx="3410">
                  <c:v>451.94759999999997</c:v>
                </c:pt>
                <c:pt idx="3411">
                  <c:v>452.08080000000001</c:v>
                </c:pt>
                <c:pt idx="3412">
                  <c:v>452.21399999999994</c:v>
                </c:pt>
                <c:pt idx="3413">
                  <c:v>452.34719999999993</c:v>
                </c:pt>
                <c:pt idx="3414">
                  <c:v>452.48039999999997</c:v>
                </c:pt>
                <c:pt idx="3415">
                  <c:v>452.61359999999996</c:v>
                </c:pt>
                <c:pt idx="3416">
                  <c:v>452.74680000000001</c:v>
                </c:pt>
                <c:pt idx="3417">
                  <c:v>452.87999999999994</c:v>
                </c:pt>
                <c:pt idx="3418">
                  <c:v>453.01319999999993</c:v>
                </c:pt>
                <c:pt idx="3419">
                  <c:v>453.14639999999997</c:v>
                </c:pt>
                <c:pt idx="3420">
                  <c:v>453.27959999999996</c:v>
                </c:pt>
                <c:pt idx="3421">
                  <c:v>453.4128</c:v>
                </c:pt>
                <c:pt idx="3422">
                  <c:v>453.54599999999994</c:v>
                </c:pt>
                <c:pt idx="3423">
                  <c:v>453.67919999999998</c:v>
                </c:pt>
                <c:pt idx="3424">
                  <c:v>453.81239999999997</c:v>
                </c:pt>
                <c:pt idx="3425">
                  <c:v>453.94559999999996</c:v>
                </c:pt>
                <c:pt idx="3426">
                  <c:v>454.0788</c:v>
                </c:pt>
                <c:pt idx="3427">
                  <c:v>454.21199999999993</c:v>
                </c:pt>
                <c:pt idx="3428">
                  <c:v>454.34519999999998</c:v>
                </c:pt>
                <c:pt idx="3429">
                  <c:v>454.47839999999997</c:v>
                </c:pt>
                <c:pt idx="3430">
                  <c:v>454.61159999999995</c:v>
                </c:pt>
                <c:pt idx="3431">
                  <c:v>454.7448</c:v>
                </c:pt>
                <c:pt idx="3432">
                  <c:v>454.87799999999993</c:v>
                </c:pt>
                <c:pt idx="3433">
                  <c:v>455.01119999999997</c:v>
                </c:pt>
                <c:pt idx="3434">
                  <c:v>455.14439999999996</c:v>
                </c:pt>
                <c:pt idx="3435">
                  <c:v>455.27759999999995</c:v>
                </c:pt>
                <c:pt idx="3436">
                  <c:v>455.41079999999999</c:v>
                </c:pt>
                <c:pt idx="3437">
                  <c:v>455.54399999999993</c:v>
                </c:pt>
                <c:pt idx="3438">
                  <c:v>455.67719999999997</c:v>
                </c:pt>
                <c:pt idx="3439">
                  <c:v>455.81039999999996</c:v>
                </c:pt>
                <c:pt idx="3440">
                  <c:v>455.9436</c:v>
                </c:pt>
                <c:pt idx="3441">
                  <c:v>456.07679999999999</c:v>
                </c:pt>
                <c:pt idx="3442">
                  <c:v>456.20999999999992</c:v>
                </c:pt>
                <c:pt idx="3443">
                  <c:v>456.34319999999997</c:v>
                </c:pt>
                <c:pt idx="3444">
                  <c:v>456.47639999999996</c:v>
                </c:pt>
                <c:pt idx="3445">
                  <c:v>456.6096</c:v>
                </c:pt>
                <c:pt idx="3446">
                  <c:v>456.74279999999999</c:v>
                </c:pt>
                <c:pt idx="3447">
                  <c:v>456.87599999999992</c:v>
                </c:pt>
                <c:pt idx="3448">
                  <c:v>457.00919999999996</c:v>
                </c:pt>
                <c:pt idx="3449">
                  <c:v>457.14239999999995</c:v>
                </c:pt>
                <c:pt idx="3450">
                  <c:v>457.2756</c:v>
                </c:pt>
                <c:pt idx="3451">
                  <c:v>457.40879999999999</c:v>
                </c:pt>
                <c:pt idx="3452">
                  <c:v>457.54199999999992</c:v>
                </c:pt>
                <c:pt idx="3453">
                  <c:v>457.67519999999996</c:v>
                </c:pt>
                <c:pt idx="3454">
                  <c:v>457.80839999999995</c:v>
                </c:pt>
                <c:pt idx="3455">
                  <c:v>457.94159999999999</c:v>
                </c:pt>
                <c:pt idx="3456">
                  <c:v>458.07479999999998</c:v>
                </c:pt>
                <c:pt idx="3457">
                  <c:v>458.20799999999997</c:v>
                </c:pt>
                <c:pt idx="3458">
                  <c:v>458.34119999999996</c:v>
                </c:pt>
                <c:pt idx="3459">
                  <c:v>458.47439999999995</c:v>
                </c:pt>
                <c:pt idx="3460">
                  <c:v>458.60759999999999</c:v>
                </c:pt>
                <c:pt idx="3461">
                  <c:v>458.74079999999998</c:v>
                </c:pt>
                <c:pt idx="3462">
                  <c:v>458.87399999999997</c:v>
                </c:pt>
                <c:pt idx="3463">
                  <c:v>459.00719999999995</c:v>
                </c:pt>
                <c:pt idx="3464">
                  <c:v>459.14039999999994</c:v>
                </c:pt>
                <c:pt idx="3465">
                  <c:v>459.27359999999999</c:v>
                </c:pt>
                <c:pt idx="3466">
                  <c:v>459.40679999999998</c:v>
                </c:pt>
                <c:pt idx="3467">
                  <c:v>459.53999999999996</c:v>
                </c:pt>
                <c:pt idx="3468">
                  <c:v>459.67319999999995</c:v>
                </c:pt>
                <c:pt idx="3469">
                  <c:v>459.80639999999994</c:v>
                </c:pt>
                <c:pt idx="3470">
                  <c:v>459.93959999999998</c:v>
                </c:pt>
                <c:pt idx="3471">
                  <c:v>460.07279999999997</c:v>
                </c:pt>
                <c:pt idx="3472">
                  <c:v>460.20599999999996</c:v>
                </c:pt>
                <c:pt idx="3473">
                  <c:v>460.33919999999995</c:v>
                </c:pt>
                <c:pt idx="3474">
                  <c:v>460.47239999999999</c:v>
                </c:pt>
                <c:pt idx="3475">
                  <c:v>460.60559999999998</c:v>
                </c:pt>
                <c:pt idx="3476">
                  <c:v>460.73879999999997</c:v>
                </c:pt>
                <c:pt idx="3477">
                  <c:v>460.87199999999996</c:v>
                </c:pt>
                <c:pt idx="3478">
                  <c:v>461.00519999999995</c:v>
                </c:pt>
                <c:pt idx="3479">
                  <c:v>461.13839999999999</c:v>
                </c:pt>
                <c:pt idx="3480">
                  <c:v>461.27159999999998</c:v>
                </c:pt>
                <c:pt idx="3481">
                  <c:v>461.40479999999997</c:v>
                </c:pt>
                <c:pt idx="3482">
                  <c:v>461.53799999999995</c:v>
                </c:pt>
                <c:pt idx="3483">
                  <c:v>461.67119999999994</c:v>
                </c:pt>
                <c:pt idx="3484">
                  <c:v>461.80439999999999</c:v>
                </c:pt>
                <c:pt idx="3485">
                  <c:v>461.93759999999997</c:v>
                </c:pt>
                <c:pt idx="3486">
                  <c:v>462.07079999999996</c:v>
                </c:pt>
                <c:pt idx="3487">
                  <c:v>462.20399999999995</c:v>
                </c:pt>
                <c:pt idx="3488">
                  <c:v>462.33719999999994</c:v>
                </c:pt>
                <c:pt idx="3489">
                  <c:v>462.47039999999998</c:v>
                </c:pt>
                <c:pt idx="3490">
                  <c:v>462.60359999999997</c:v>
                </c:pt>
                <c:pt idx="3491">
                  <c:v>462.73680000000002</c:v>
                </c:pt>
                <c:pt idx="3492">
                  <c:v>462.86999999999995</c:v>
                </c:pt>
                <c:pt idx="3493">
                  <c:v>463.00319999999994</c:v>
                </c:pt>
                <c:pt idx="3494">
                  <c:v>463.13639999999998</c:v>
                </c:pt>
                <c:pt idx="3495">
                  <c:v>463.26959999999997</c:v>
                </c:pt>
                <c:pt idx="3496">
                  <c:v>463.40280000000001</c:v>
                </c:pt>
                <c:pt idx="3497">
                  <c:v>463.53599999999994</c:v>
                </c:pt>
                <c:pt idx="3498">
                  <c:v>463.66919999999993</c:v>
                </c:pt>
                <c:pt idx="3499">
                  <c:v>463.80239999999998</c:v>
                </c:pt>
                <c:pt idx="3500">
                  <c:v>463.93559999999997</c:v>
                </c:pt>
                <c:pt idx="3501">
                  <c:v>464.06880000000001</c:v>
                </c:pt>
                <c:pt idx="3502">
                  <c:v>464.20199999999994</c:v>
                </c:pt>
                <c:pt idx="3503">
                  <c:v>464.33519999999993</c:v>
                </c:pt>
                <c:pt idx="3504">
                  <c:v>464.46839999999997</c:v>
                </c:pt>
                <c:pt idx="3505">
                  <c:v>464.60159999999996</c:v>
                </c:pt>
                <c:pt idx="3506">
                  <c:v>464.73480000000001</c:v>
                </c:pt>
                <c:pt idx="3507">
                  <c:v>464.86799999999994</c:v>
                </c:pt>
                <c:pt idx="3508">
                  <c:v>465.00119999999993</c:v>
                </c:pt>
                <c:pt idx="3509">
                  <c:v>465.13439999999997</c:v>
                </c:pt>
                <c:pt idx="3510">
                  <c:v>465.26759999999996</c:v>
                </c:pt>
                <c:pt idx="3511">
                  <c:v>465.4008</c:v>
                </c:pt>
                <c:pt idx="3512">
                  <c:v>465.53399999999993</c:v>
                </c:pt>
                <c:pt idx="3513">
                  <c:v>465.66719999999998</c:v>
                </c:pt>
                <c:pt idx="3514">
                  <c:v>465.80039999999997</c:v>
                </c:pt>
                <c:pt idx="3515">
                  <c:v>465.93359999999996</c:v>
                </c:pt>
                <c:pt idx="3516">
                  <c:v>466.0668</c:v>
                </c:pt>
                <c:pt idx="3517">
                  <c:v>466.19999999999993</c:v>
                </c:pt>
                <c:pt idx="3518">
                  <c:v>466.33319999999998</c:v>
                </c:pt>
                <c:pt idx="3519">
                  <c:v>466.46639999999996</c:v>
                </c:pt>
                <c:pt idx="3520">
                  <c:v>466.59959999999995</c:v>
                </c:pt>
                <c:pt idx="3521">
                  <c:v>466.7328</c:v>
                </c:pt>
                <c:pt idx="3522">
                  <c:v>466.86599999999993</c:v>
                </c:pt>
                <c:pt idx="3523">
                  <c:v>466.99919999999997</c:v>
                </c:pt>
                <c:pt idx="3524">
                  <c:v>467.13239999999996</c:v>
                </c:pt>
                <c:pt idx="3525">
                  <c:v>467.26559999999995</c:v>
                </c:pt>
                <c:pt idx="3526">
                  <c:v>467.39879999999999</c:v>
                </c:pt>
                <c:pt idx="3527">
                  <c:v>467.53199999999993</c:v>
                </c:pt>
                <c:pt idx="3528">
                  <c:v>467.66519999999997</c:v>
                </c:pt>
                <c:pt idx="3529">
                  <c:v>467.79839999999996</c:v>
                </c:pt>
                <c:pt idx="3530">
                  <c:v>467.9316</c:v>
                </c:pt>
                <c:pt idx="3531">
                  <c:v>468.06479999999999</c:v>
                </c:pt>
                <c:pt idx="3532">
                  <c:v>468.19799999999992</c:v>
                </c:pt>
                <c:pt idx="3533">
                  <c:v>468.33119999999997</c:v>
                </c:pt>
                <c:pt idx="3534">
                  <c:v>468.46439999999996</c:v>
                </c:pt>
                <c:pt idx="3535">
                  <c:v>468.5976</c:v>
                </c:pt>
                <c:pt idx="3536">
                  <c:v>468.73079999999999</c:v>
                </c:pt>
                <c:pt idx="3537">
                  <c:v>468.86399999999992</c:v>
                </c:pt>
                <c:pt idx="3538">
                  <c:v>468.99719999999996</c:v>
                </c:pt>
                <c:pt idx="3539">
                  <c:v>469.13039999999995</c:v>
                </c:pt>
                <c:pt idx="3540">
                  <c:v>469.2636</c:v>
                </c:pt>
                <c:pt idx="3541">
                  <c:v>469.39679999999998</c:v>
                </c:pt>
                <c:pt idx="3542">
                  <c:v>469.52999999999992</c:v>
                </c:pt>
                <c:pt idx="3543">
                  <c:v>469.66319999999996</c:v>
                </c:pt>
                <c:pt idx="3544">
                  <c:v>469.79639999999995</c:v>
                </c:pt>
                <c:pt idx="3545">
                  <c:v>469.92959999999999</c:v>
                </c:pt>
                <c:pt idx="3546">
                  <c:v>470.06279999999998</c:v>
                </c:pt>
                <c:pt idx="3547">
                  <c:v>470.19599999999997</c:v>
                </c:pt>
                <c:pt idx="3548">
                  <c:v>470.32919999999996</c:v>
                </c:pt>
                <c:pt idx="3549">
                  <c:v>470.46239999999995</c:v>
                </c:pt>
                <c:pt idx="3550">
                  <c:v>470.59559999999999</c:v>
                </c:pt>
                <c:pt idx="3551">
                  <c:v>470.72879999999998</c:v>
                </c:pt>
                <c:pt idx="3552">
                  <c:v>470.86199999999997</c:v>
                </c:pt>
                <c:pt idx="3553">
                  <c:v>470.99519999999995</c:v>
                </c:pt>
                <c:pt idx="3554">
                  <c:v>471.12839999999994</c:v>
                </c:pt>
                <c:pt idx="3555">
                  <c:v>471.26159999999999</c:v>
                </c:pt>
                <c:pt idx="3556">
                  <c:v>471.39479999999998</c:v>
                </c:pt>
                <c:pt idx="3557">
                  <c:v>471.52799999999996</c:v>
                </c:pt>
                <c:pt idx="3558">
                  <c:v>471.66119999999995</c:v>
                </c:pt>
                <c:pt idx="3559">
                  <c:v>471.79439999999994</c:v>
                </c:pt>
                <c:pt idx="3560">
                  <c:v>471.92759999999998</c:v>
                </c:pt>
                <c:pt idx="3561">
                  <c:v>472.06079999999997</c:v>
                </c:pt>
                <c:pt idx="3562">
                  <c:v>472.19399999999996</c:v>
                </c:pt>
                <c:pt idx="3563">
                  <c:v>472.32719999999995</c:v>
                </c:pt>
                <c:pt idx="3564">
                  <c:v>472.46039999999999</c:v>
                </c:pt>
                <c:pt idx="3565">
                  <c:v>472.59359999999998</c:v>
                </c:pt>
                <c:pt idx="3566">
                  <c:v>472.72679999999997</c:v>
                </c:pt>
                <c:pt idx="3567">
                  <c:v>472.85999999999996</c:v>
                </c:pt>
                <c:pt idx="3568">
                  <c:v>472.99319999999994</c:v>
                </c:pt>
                <c:pt idx="3569">
                  <c:v>473.12639999999999</c:v>
                </c:pt>
                <c:pt idx="3570">
                  <c:v>473.25959999999998</c:v>
                </c:pt>
                <c:pt idx="3571">
                  <c:v>473.39279999999997</c:v>
                </c:pt>
                <c:pt idx="3572">
                  <c:v>473.52599999999995</c:v>
                </c:pt>
                <c:pt idx="3573">
                  <c:v>473.65919999999994</c:v>
                </c:pt>
                <c:pt idx="3574">
                  <c:v>473.79239999999999</c:v>
                </c:pt>
                <c:pt idx="3575">
                  <c:v>473.92559999999997</c:v>
                </c:pt>
                <c:pt idx="3576">
                  <c:v>474.05879999999996</c:v>
                </c:pt>
                <c:pt idx="3577">
                  <c:v>474.19199999999995</c:v>
                </c:pt>
                <c:pt idx="3578">
                  <c:v>474.32519999999994</c:v>
                </c:pt>
                <c:pt idx="3579">
                  <c:v>474.45839999999998</c:v>
                </c:pt>
                <c:pt idx="3580">
                  <c:v>474.59159999999997</c:v>
                </c:pt>
                <c:pt idx="3581">
                  <c:v>474.72480000000002</c:v>
                </c:pt>
                <c:pt idx="3582">
                  <c:v>474.85799999999995</c:v>
                </c:pt>
                <c:pt idx="3583">
                  <c:v>474.99119999999994</c:v>
                </c:pt>
                <c:pt idx="3584">
                  <c:v>475.12439999999998</c:v>
                </c:pt>
                <c:pt idx="3585">
                  <c:v>475.25759999999997</c:v>
                </c:pt>
                <c:pt idx="3586">
                  <c:v>475.39080000000001</c:v>
                </c:pt>
                <c:pt idx="3587">
                  <c:v>475.52399999999994</c:v>
                </c:pt>
                <c:pt idx="3588">
                  <c:v>475.65719999999993</c:v>
                </c:pt>
                <c:pt idx="3589">
                  <c:v>475.79039999999998</c:v>
                </c:pt>
                <c:pt idx="3590">
                  <c:v>475.92359999999996</c:v>
                </c:pt>
                <c:pt idx="3591">
                  <c:v>476.05680000000001</c:v>
                </c:pt>
                <c:pt idx="3592">
                  <c:v>476.18999999999994</c:v>
                </c:pt>
                <c:pt idx="3593">
                  <c:v>476.32319999999993</c:v>
                </c:pt>
                <c:pt idx="3594">
                  <c:v>476.45639999999997</c:v>
                </c:pt>
                <c:pt idx="3595">
                  <c:v>476.58959999999996</c:v>
                </c:pt>
                <c:pt idx="3596">
                  <c:v>476.72280000000001</c:v>
                </c:pt>
                <c:pt idx="3597">
                  <c:v>476.85599999999994</c:v>
                </c:pt>
                <c:pt idx="3598">
                  <c:v>476.98919999999993</c:v>
                </c:pt>
                <c:pt idx="3599">
                  <c:v>477.12239999999997</c:v>
                </c:pt>
                <c:pt idx="3600">
                  <c:v>477.25559999999996</c:v>
                </c:pt>
                <c:pt idx="3601">
                  <c:v>477.38879999999995</c:v>
                </c:pt>
                <c:pt idx="3602">
                  <c:v>477.52199999999993</c:v>
                </c:pt>
                <c:pt idx="3603">
                  <c:v>477.65519999999998</c:v>
                </c:pt>
                <c:pt idx="3604">
                  <c:v>477.78839999999997</c:v>
                </c:pt>
                <c:pt idx="3605">
                  <c:v>477.92159999999996</c:v>
                </c:pt>
                <c:pt idx="3606">
                  <c:v>478.05479999999994</c:v>
                </c:pt>
                <c:pt idx="3607">
                  <c:v>478.18799999999993</c:v>
                </c:pt>
                <c:pt idx="3608">
                  <c:v>478.32119999999998</c:v>
                </c:pt>
                <c:pt idx="3609">
                  <c:v>478.45439999999996</c:v>
                </c:pt>
                <c:pt idx="3610">
                  <c:v>478.58759999999995</c:v>
                </c:pt>
                <c:pt idx="3611">
                  <c:v>478.72079999999994</c:v>
                </c:pt>
                <c:pt idx="3612">
                  <c:v>478.85399999999993</c:v>
                </c:pt>
                <c:pt idx="3613">
                  <c:v>478.98719999999997</c:v>
                </c:pt>
                <c:pt idx="3614">
                  <c:v>479.12039999999996</c:v>
                </c:pt>
                <c:pt idx="3615">
                  <c:v>479.25359999999995</c:v>
                </c:pt>
                <c:pt idx="3616">
                  <c:v>479.38679999999994</c:v>
                </c:pt>
                <c:pt idx="3617">
                  <c:v>479.51999999999992</c:v>
                </c:pt>
                <c:pt idx="3618">
                  <c:v>479.65319999999997</c:v>
                </c:pt>
                <c:pt idx="3619">
                  <c:v>479.78639999999996</c:v>
                </c:pt>
                <c:pt idx="3620">
                  <c:v>479.9196</c:v>
                </c:pt>
                <c:pt idx="3621">
                  <c:v>480.05279999999993</c:v>
                </c:pt>
                <c:pt idx="3622">
                  <c:v>480.18599999999992</c:v>
                </c:pt>
                <c:pt idx="3623">
                  <c:v>480.31919999999997</c:v>
                </c:pt>
                <c:pt idx="3624">
                  <c:v>480.45239999999995</c:v>
                </c:pt>
                <c:pt idx="3625">
                  <c:v>480.5856</c:v>
                </c:pt>
                <c:pt idx="3626">
                  <c:v>480.71879999999993</c:v>
                </c:pt>
                <c:pt idx="3627">
                  <c:v>480.85199999999992</c:v>
                </c:pt>
                <c:pt idx="3628">
                  <c:v>480.98519999999996</c:v>
                </c:pt>
                <c:pt idx="3629">
                  <c:v>481.11839999999995</c:v>
                </c:pt>
                <c:pt idx="3630">
                  <c:v>481.2516</c:v>
                </c:pt>
                <c:pt idx="3631">
                  <c:v>481.38479999999993</c:v>
                </c:pt>
                <c:pt idx="3632">
                  <c:v>481.51799999999992</c:v>
                </c:pt>
                <c:pt idx="3633">
                  <c:v>481.65119999999996</c:v>
                </c:pt>
                <c:pt idx="3634">
                  <c:v>481.78439999999995</c:v>
                </c:pt>
                <c:pt idx="3635">
                  <c:v>481.91759999999999</c:v>
                </c:pt>
                <c:pt idx="3636">
                  <c:v>482.05079999999992</c:v>
                </c:pt>
                <c:pt idx="3637">
                  <c:v>482.18399999999997</c:v>
                </c:pt>
                <c:pt idx="3638">
                  <c:v>482.31719999999996</c:v>
                </c:pt>
                <c:pt idx="3639">
                  <c:v>482.45039999999995</c:v>
                </c:pt>
                <c:pt idx="3640">
                  <c:v>482.45039999999995</c:v>
                </c:pt>
              </c:numCache>
            </c:numRef>
          </c:val>
          <c:smooth val="0"/>
        </c:ser>
        <c:dLbls>
          <c:showLegendKey val="0"/>
          <c:showVal val="0"/>
          <c:showCatName val="0"/>
          <c:showSerName val="0"/>
          <c:showPercent val="0"/>
          <c:showBubbleSize val="0"/>
        </c:dLbls>
        <c:smooth val="0"/>
        <c:axId val="165898480"/>
        <c:axId val="165899040"/>
      </c:lineChart>
      <c:dateAx>
        <c:axId val="165898480"/>
        <c:scaling>
          <c:orientation val="minMax"/>
        </c:scaling>
        <c:delete val="0"/>
        <c:axPos val="b"/>
        <c:title>
          <c:tx>
            <c:rich>
              <a:bodyPr rot="0" spcFirstLastPara="1" vertOverflow="ellipsis" vert="horz" wrap="square" anchor="ctr" anchorCtr="1"/>
              <a:lstStyle/>
              <a:p>
                <a:pPr>
                  <a:defRPr sz="1000" b="0" i="0" u="none" strike="noStrike" kern="1200" baseline="0">
                    <a:solidFill>
                      <a:schemeClr val="tx1">
                        <a:lumMod val="65000"/>
                        <a:lumOff val="35000"/>
                      </a:schemeClr>
                    </a:solidFill>
                    <a:latin typeface="+mn-lt"/>
                    <a:ea typeface="+mn-ea"/>
                    <a:cs typeface="+mn-cs"/>
                  </a:defRPr>
                </a:pPr>
                <a:r>
                  <a:rPr lang="sl-SI"/>
                  <a:t>Datum</a:t>
                </a:r>
                <a:endParaRPr lang="en-US"/>
              </a:p>
            </c:rich>
          </c:tx>
          <c:layout/>
          <c:overlay val="0"/>
          <c:spPr>
            <a:noFill/>
            <a:ln>
              <a:noFill/>
            </a:ln>
            <a:effectLst/>
          </c:spPr>
          <c:txPr>
            <a:bodyPr rot="0" spcFirstLastPara="1" vertOverflow="ellipsis" vert="horz" wrap="square" anchor="ctr" anchorCtr="1"/>
            <a:lstStyle/>
            <a:p>
              <a:pPr>
                <a:defRPr sz="1000" b="0" i="0" u="none" strike="noStrike" kern="1200" baseline="0">
                  <a:solidFill>
                    <a:schemeClr val="tx1">
                      <a:lumMod val="65000"/>
                      <a:lumOff val="35000"/>
                    </a:schemeClr>
                  </a:solidFill>
                  <a:latin typeface="+mn-lt"/>
                  <a:ea typeface="+mn-ea"/>
                  <a:cs typeface="+mn-cs"/>
                </a:defRPr>
              </a:pPr>
              <a:endParaRPr lang="en-US"/>
            </a:p>
          </c:txPr>
        </c:title>
        <c:numFmt formatCode="m/d/yyyy" sourceLinked="1"/>
        <c:majorTickMark val="out"/>
        <c:minorTickMark val="none"/>
        <c:tickLblPos val="nextTo"/>
        <c:spPr>
          <a:noFill/>
          <a:ln w="9525" cap="flat" cmpd="sng" algn="ctr">
            <a:solidFill>
              <a:schemeClr val="tx1">
                <a:lumMod val="15000"/>
                <a:lumOff val="8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165899040"/>
        <c:crosses val="autoZero"/>
        <c:auto val="1"/>
        <c:lblOffset val="100"/>
        <c:baseTimeUnit val="days"/>
      </c:dateAx>
      <c:valAx>
        <c:axId val="165899040"/>
        <c:scaling>
          <c:orientation val="minMax"/>
        </c:scaling>
        <c:delete val="0"/>
        <c:axPos val="l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title>
          <c:tx>
            <c:rich>
              <a:bodyPr rot="-5400000" spcFirstLastPara="1" vertOverflow="ellipsis" vert="horz" wrap="square" anchor="ctr" anchorCtr="1"/>
              <a:lstStyle/>
              <a:p>
                <a:pPr>
                  <a:defRPr sz="1000" b="0" i="0" u="none" strike="noStrike" kern="1200" baseline="0">
                    <a:solidFill>
                      <a:schemeClr val="tx1">
                        <a:lumMod val="65000"/>
                        <a:lumOff val="35000"/>
                      </a:schemeClr>
                    </a:solidFill>
                    <a:latin typeface="+mn-lt"/>
                    <a:ea typeface="+mn-ea"/>
                    <a:cs typeface="+mn-cs"/>
                  </a:defRPr>
                </a:pPr>
                <a:r>
                  <a:rPr lang="sl-SI"/>
                  <a:t>Pronicanje padavin [mm] </a:t>
                </a:r>
                <a:endParaRPr lang="en-US"/>
              </a:p>
            </c:rich>
          </c:tx>
          <c:layout/>
          <c:overlay val="0"/>
          <c:spPr>
            <a:noFill/>
            <a:ln>
              <a:noFill/>
            </a:ln>
            <a:effectLst/>
          </c:spPr>
          <c:txPr>
            <a:bodyPr rot="-5400000" spcFirstLastPara="1" vertOverflow="ellipsis" vert="horz" wrap="square" anchor="ctr" anchorCtr="1"/>
            <a:lstStyle/>
            <a:p>
              <a:pPr>
                <a:defRPr sz="1000" b="0" i="0" u="none" strike="noStrike" kern="1200" baseline="0">
                  <a:solidFill>
                    <a:schemeClr val="tx1">
                      <a:lumMod val="65000"/>
                      <a:lumOff val="35000"/>
                    </a:schemeClr>
                  </a:solidFill>
                  <a:latin typeface="+mn-lt"/>
                  <a:ea typeface="+mn-ea"/>
                  <a:cs typeface="+mn-cs"/>
                </a:defRPr>
              </a:pPr>
              <a:endParaRPr lang="en-US"/>
            </a:p>
          </c:txPr>
        </c:title>
        <c:numFmt formatCode="General" sourceLinked="1"/>
        <c:majorTickMark val="none"/>
        <c:minorTickMark val="none"/>
        <c:tickLblPos val="nextTo"/>
        <c:spPr>
          <a:noFill/>
          <a:ln>
            <a:noFill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165898480"/>
        <c:crosses val="autoZero"/>
        <c:crossBetween val="between"/>
        <c:majorUnit val="50"/>
      </c:valAx>
      <c:spPr>
        <a:noFill/>
        <a:ln>
          <a:noFill/>
        </a:ln>
        <a:effectLst/>
      </c:spPr>
    </c:plotArea>
    <c:plotVisOnly val="1"/>
    <c:dispBlanksAs val="gap"/>
    <c:showDLblsOverMax val="0"/>
  </c:chart>
  <c:spPr>
    <a:solidFill>
      <a:schemeClr val="bg1"/>
    </a:solidFill>
    <a:ln w="9525" cap="flat" cmpd="sng" algn="ctr">
      <a:solidFill>
        <a:schemeClr val="tx1">
          <a:lumMod val="15000"/>
          <a:lumOff val="85000"/>
        </a:schemeClr>
      </a:solidFill>
      <a:round/>
    </a:ln>
    <a:effectLst/>
  </c:spPr>
  <c:txPr>
    <a:bodyPr/>
    <a:lstStyle/>
    <a:p>
      <a:pPr>
        <a:defRPr/>
      </a:pPr>
      <a:endParaRPr lang="en-US"/>
    </a:p>
  </c:txPr>
  <c:printSettings>
    <c:headerFooter/>
    <c:pageMargins b="0.75" l="0.7" r="0.7" t="0.75" header="0.3" footer="0.3"/>
    <c:pageSetup/>
  </c:printSettings>
</c:chartSpace>
</file>

<file path=xl/charts/colors1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xl/charts/style1.xml><?xml version="1.0" encoding="utf-8"?>
<cs:chartStyle xmlns:cs="http://schemas.microsoft.com/office/drawing/2012/chartStyle" xmlns:a="http://schemas.openxmlformats.org/drawingml/2006/main" id="227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  <cs:spPr>
      <a:solidFill>
        <a:schemeClr val="phClr"/>
      </a:solidFill>
    </cs:spPr>
  </cs:dataPoint>
  <cs:dataPoint3D>
    <cs:lnRef idx="0"/>
    <cs:fillRef idx="1">
      <cs:styleClr val="auto"/>
    </cs:fillRef>
    <cs:effectRef idx="0"/>
    <cs:fontRef idx="minor">
      <a:schemeClr val="tx1"/>
    </cs:fontRef>
    <cs:spPr>
      <a:solidFill>
        <a:schemeClr val="phClr"/>
      </a:solidFill>
    </cs:spPr>
  </cs:dataPoint3D>
  <cs:dataPointLine>
    <cs:lnRef idx="0">
      <cs:styleClr val="auto"/>
    </cs:lnRef>
    <cs:fillRef idx="1"/>
    <cs:effectRef idx="0"/>
    <cs:fontRef idx="minor">
      <a:schemeClr val="tx1"/>
    </cs:fontRef>
    <cs:spPr>
      <a:ln w="28575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solidFill>
        <a:schemeClr val="phClr"/>
      </a:solidFill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1"/>
    <cs:effectRef idx="0"/>
    <cs:fontRef idx="minor">
      <a:schemeClr val="tx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dk1"/>
    </cs:fontRef>
    <cs:spPr>
      <a:solidFill>
        <a:schemeClr val="dk1">
          <a:lumMod val="65000"/>
          <a:lumOff val="35000"/>
        </a:schemeClr>
      </a:solidFill>
      <a:ln w="9525">
        <a:solidFill>
          <a:schemeClr val="tx1">
            <a:lumMod val="65000"/>
            <a:lumOff val="35000"/>
          </a:schemeClr>
        </a:solidFill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75000"/>
            <a:lumOff val="25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dk1"/>
    </cs:fontRef>
    <cs:spPr>
      <a:solidFill>
        <a:schemeClr val="lt1"/>
      </a:solidFill>
      <a:ln w="9525">
        <a:solidFill>
          <a:schemeClr val="tx1">
            <a:lumMod val="15000"/>
            <a:lumOff val="85000"/>
          </a:schemeClr>
        </a:solidFill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xl/drawings/_rels/drawing1.xml.rels><?xml version="1.0" encoding="UTF-8" standalone="yes"?>
<Relationships xmlns="http://schemas.openxmlformats.org/package/2006/relationships"><Relationship Id="rId1" Type="http://schemas.openxmlformats.org/officeDocument/2006/relationships/chart" Target="../charts/chart1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4</xdr:col>
      <xdr:colOff>476251</xdr:colOff>
      <xdr:row>4</xdr:row>
      <xdr:rowOff>0</xdr:rowOff>
    </xdr:from>
    <xdr:to>
      <xdr:col>19</xdr:col>
      <xdr:colOff>295275</xdr:colOff>
      <xdr:row>31</xdr:row>
      <xdr:rowOff>76199</xdr:rowOff>
    </xdr:to>
    <xdr:graphicFrame macro="">
      <xdr:nvGraphicFramePr>
        <xdr:cNvPr id="2" name="Chart 1"/>
        <xdr:cNvGraphicFramePr/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1"/>
        </a:graphicData>
      </a:graphic>
    </xdr:graphicFrame>
    <xdr:clientData/>
  </xdr:twoCellAnchor>
</xdr:wsDr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D3645"/>
  <sheetViews>
    <sheetView tabSelected="1" workbookViewId="0">
      <selection activeCell="F3" sqref="F3"/>
    </sheetView>
  </sheetViews>
  <sheetFormatPr defaultRowHeight="15" x14ac:dyDescent="0.25"/>
  <cols>
    <col min="1" max="1" width="12.85546875" style="1" customWidth="1"/>
    <col min="2" max="2" width="9.140625" style="2"/>
    <col min="3" max="3" width="22.42578125" customWidth="1"/>
    <col min="4" max="4" width="23.140625" customWidth="1"/>
  </cols>
  <sheetData>
    <row r="1" spans="1:4" x14ac:dyDescent="0.25">
      <c r="A1" s="4" t="s">
        <v>4</v>
      </c>
      <c r="C1" s="3"/>
    </row>
    <row r="2" spans="1:4" x14ac:dyDescent="0.25">
      <c r="A2" s="4"/>
      <c r="C2" s="3"/>
    </row>
    <row r="3" spans="1:4" x14ac:dyDescent="0.25">
      <c r="A3" s="1" t="s">
        <v>2</v>
      </c>
      <c r="B3" s="2" t="s">
        <v>3</v>
      </c>
      <c r="C3" t="s">
        <v>1</v>
      </c>
      <c r="D3" t="s">
        <v>0</v>
      </c>
    </row>
    <row r="5" spans="1:4" x14ac:dyDescent="0.25">
      <c r="A5" s="1">
        <v>41754</v>
      </c>
      <c r="B5" s="2">
        <v>5.1574074074074078E-2</v>
      </c>
      <c r="C5">
        <v>0</v>
      </c>
      <c r="D5">
        <v>0</v>
      </c>
    </row>
    <row r="6" spans="1:4" x14ac:dyDescent="0.25">
      <c r="A6" s="1">
        <v>41754</v>
      </c>
      <c r="B6" s="2">
        <v>0.12377314814814815</v>
      </c>
      <c r="C6">
        <v>6.6599999999999993E-2</v>
      </c>
      <c r="D6">
        <v>0.13319999999999999</v>
      </c>
    </row>
    <row r="7" spans="1:4" x14ac:dyDescent="0.25">
      <c r="A7" s="1">
        <v>41754</v>
      </c>
      <c r="B7" s="2">
        <v>0.19663194444444443</v>
      </c>
      <c r="C7">
        <v>0.13319999999999999</v>
      </c>
      <c r="D7">
        <v>0.26639999999999997</v>
      </c>
    </row>
    <row r="8" spans="1:4" x14ac:dyDescent="0.25">
      <c r="A8" s="1">
        <v>41754</v>
      </c>
      <c r="B8" s="2">
        <v>0.27394675925925926</v>
      </c>
      <c r="C8">
        <v>0.19979999999999998</v>
      </c>
      <c r="D8">
        <v>0.39959999999999996</v>
      </c>
    </row>
    <row r="9" spans="1:4" x14ac:dyDescent="0.25">
      <c r="A9" s="1">
        <v>41754</v>
      </c>
      <c r="B9" s="2">
        <v>0.3480671296296296</v>
      </c>
      <c r="C9">
        <v>0.26639999999999997</v>
      </c>
      <c r="D9">
        <v>0.53279999999999994</v>
      </c>
    </row>
    <row r="10" spans="1:4" x14ac:dyDescent="0.25">
      <c r="A10" s="1">
        <v>41754</v>
      </c>
      <c r="B10" s="2">
        <v>0.43151620370370369</v>
      </c>
      <c r="C10">
        <v>0.33300000000000002</v>
      </c>
      <c r="D10">
        <v>0.66600000000000004</v>
      </c>
    </row>
    <row r="11" spans="1:4" x14ac:dyDescent="0.25">
      <c r="A11" s="1">
        <v>41754</v>
      </c>
      <c r="B11" s="2">
        <v>0.51840277777777777</v>
      </c>
      <c r="C11">
        <v>0.39959999999999996</v>
      </c>
      <c r="D11">
        <v>0.79919999999999991</v>
      </c>
    </row>
    <row r="12" spans="1:4" x14ac:dyDescent="0.25">
      <c r="A12" s="1">
        <v>41754</v>
      </c>
      <c r="B12" s="2">
        <v>0.6083912037037037</v>
      </c>
      <c r="C12">
        <v>0.46619999999999995</v>
      </c>
      <c r="D12">
        <v>0.9323999999999999</v>
      </c>
    </row>
    <row r="13" spans="1:4" x14ac:dyDescent="0.25">
      <c r="A13" s="1">
        <v>41754</v>
      </c>
      <c r="B13" s="2">
        <v>0.70844907407407398</v>
      </c>
      <c r="C13">
        <v>0.53279999999999994</v>
      </c>
      <c r="D13">
        <v>1.0655999999999999</v>
      </c>
    </row>
    <row r="14" spans="1:4" x14ac:dyDescent="0.25">
      <c r="A14" s="1">
        <v>41754</v>
      </c>
      <c r="B14" s="2">
        <v>0.81692129629629628</v>
      </c>
      <c r="C14">
        <v>0.59939999999999993</v>
      </c>
      <c r="D14">
        <v>1.1987999999999999</v>
      </c>
    </row>
    <row r="15" spans="1:4" x14ac:dyDescent="0.25">
      <c r="A15" s="1">
        <v>41754</v>
      </c>
      <c r="B15" s="2">
        <v>0.93091435185185178</v>
      </c>
      <c r="C15">
        <v>0.66600000000000004</v>
      </c>
      <c r="D15">
        <v>1.3320000000000001</v>
      </c>
    </row>
    <row r="16" spans="1:4" x14ac:dyDescent="0.25">
      <c r="A16" s="1">
        <v>41755</v>
      </c>
      <c r="B16" s="2">
        <v>5.1990740740740747E-2</v>
      </c>
      <c r="C16">
        <v>0.73259999999999992</v>
      </c>
      <c r="D16">
        <v>1.4651999999999998</v>
      </c>
    </row>
    <row r="17" spans="1:4" x14ac:dyDescent="0.25">
      <c r="A17" s="1">
        <v>41755</v>
      </c>
      <c r="B17" s="2">
        <v>0.17072916666666668</v>
      </c>
      <c r="C17">
        <v>0.79919999999999991</v>
      </c>
      <c r="D17">
        <v>1.5983999999999998</v>
      </c>
    </row>
    <row r="18" spans="1:4" x14ac:dyDescent="0.25">
      <c r="A18" s="1">
        <v>41755</v>
      </c>
      <c r="B18" s="2">
        <v>0.30354166666666665</v>
      </c>
      <c r="C18">
        <v>0.8657999999999999</v>
      </c>
      <c r="D18">
        <v>1.7315999999999998</v>
      </c>
    </row>
    <row r="19" spans="1:4" x14ac:dyDescent="0.25">
      <c r="A19" s="1">
        <v>41755</v>
      </c>
      <c r="B19" s="2">
        <v>0.43621527777777774</v>
      </c>
      <c r="C19">
        <v>0.9323999999999999</v>
      </c>
      <c r="D19">
        <v>1.8647999999999998</v>
      </c>
    </row>
    <row r="20" spans="1:4" x14ac:dyDescent="0.25">
      <c r="A20" s="1">
        <v>41755</v>
      </c>
      <c r="B20" s="2">
        <v>0.56912037037037033</v>
      </c>
      <c r="C20">
        <v>0.99899999999999989</v>
      </c>
      <c r="D20">
        <v>1.9979999999999998</v>
      </c>
    </row>
    <row r="21" spans="1:4" x14ac:dyDescent="0.25">
      <c r="A21" s="1">
        <v>41755</v>
      </c>
      <c r="B21" s="2">
        <v>0.71984953703703702</v>
      </c>
      <c r="C21">
        <v>1.0655999999999999</v>
      </c>
      <c r="D21">
        <v>2.1311999999999998</v>
      </c>
    </row>
    <row r="22" spans="1:4" x14ac:dyDescent="0.25">
      <c r="A22" s="1">
        <v>41755</v>
      </c>
      <c r="B22" s="2">
        <v>0.88041666666666663</v>
      </c>
      <c r="C22">
        <v>1.1321999999999999</v>
      </c>
      <c r="D22">
        <v>2.2643999999999997</v>
      </c>
    </row>
    <row r="23" spans="1:4" x14ac:dyDescent="0.25">
      <c r="A23" s="1">
        <v>41756</v>
      </c>
      <c r="B23" s="2">
        <v>5.0717592592592592E-2</v>
      </c>
      <c r="C23">
        <v>1.1987999999999999</v>
      </c>
      <c r="D23">
        <v>2.3975999999999997</v>
      </c>
    </row>
    <row r="24" spans="1:4" x14ac:dyDescent="0.25">
      <c r="A24" s="1">
        <v>41756</v>
      </c>
      <c r="B24" s="2">
        <v>0.21528935185185186</v>
      </c>
      <c r="C24">
        <v>1.2653999999999999</v>
      </c>
      <c r="D24">
        <v>2.5307999999999997</v>
      </c>
    </row>
    <row r="25" spans="1:4" x14ac:dyDescent="0.25">
      <c r="A25" s="1">
        <v>41756</v>
      </c>
      <c r="B25" s="2">
        <v>0.38642361111111106</v>
      </c>
      <c r="C25">
        <v>1.3320000000000001</v>
      </c>
      <c r="D25">
        <v>2.6640000000000001</v>
      </c>
    </row>
    <row r="26" spans="1:4" x14ac:dyDescent="0.25">
      <c r="A26" s="1">
        <v>41756</v>
      </c>
      <c r="B26" s="2">
        <v>0.58160879629629625</v>
      </c>
      <c r="C26">
        <v>1.3985999999999998</v>
      </c>
      <c r="D26">
        <v>2.7971999999999997</v>
      </c>
    </row>
    <row r="27" spans="1:4" x14ac:dyDescent="0.25">
      <c r="A27" s="1">
        <v>41756</v>
      </c>
      <c r="B27" s="2">
        <v>0.63424768518518515</v>
      </c>
      <c r="C27">
        <v>1.4651999999999998</v>
      </c>
      <c r="D27">
        <v>2.9303999999999997</v>
      </c>
    </row>
    <row r="28" spans="1:4" x14ac:dyDescent="0.25">
      <c r="A28" s="1">
        <v>41756</v>
      </c>
      <c r="B28" s="2">
        <v>0.65149305555555559</v>
      </c>
      <c r="C28">
        <v>1.5318000000000001</v>
      </c>
      <c r="D28">
        <v>3.0636000000000001</v>
      </c>
    </row>
    <row r="29" spans="1:4" x14ac:dyDescent="0.25">
      <c r="A29" s="1">
        <v>41756</v>
      </c>
      <c r="B29" s="2">
        <v>0.6806712962962963</v>
      </c>
      <c r="C29">
        <v>1.5983999999999998</v>
      </c>
      <c r="D29">
        <v>3.1967999999999996</v>
      </c>
    </row>
    <row r="30" spans="1:4" x14ac:dyDescent="0.25">
      <c r="A30" s="1">
        <v>41756</v>
      </c>
      <c r="B30" s="2">
        <v>0.72508101851851858</v>
      </c>
      <c r="C30">
        <v>1.6649999999999998</v>
      </c>
      <c r="D30">
        <v>3.3299999999999996</v>
      </c>
    </row>
    <row r="31" spans="1:4" x14ac:dyDescent="0.25">
      <c r="A31" s="1">
        <v>41756</v>
      </c>
      <c r="B31" s="2">
        <v>0.77151620370370377</v>
      </c>
      <c r="C31">
        <v>1.7315999999999998</v>
      </c>
      <c r="D31">
        <v>3.4631999999999996</v>
      </c>
    </row>
    <row r="32" spans="1:4" x14ac:dyDescent="0.25">
      <c r="A32" s="1">
        <v>41756</v>
      </c>
      <c r="B32" s="2">
        <v>0.78149305555555559</v>
      </c>
      <c r="C32">
        <v>1.7981999999999998</v>
      </c>
      <c r="D32">
        <v>3.5963999999999996</v>
      </c>
    </row>
    <row r="33" spans="1:4" x14ac:dyDescent="0.25">
      <c r="A33" s="1">
        <v>41756</v>
      </c>
      <c r="B33" s="2">
        <v>0.78505787037037045</v>
      </c>
      <c r="C33">
        <v>1.8647999999999998</v>
      </c>
      <c r="D33">
        <v>3.7295999999999996</v>
      </c>
    </row>
    <row r="34" spans="1:4" x14ac:dyDescent="0.25">
      <c r="A34" s="1">
        <v>41756</v>
      </c>
      <c r="B34" s="2">
        <v>0.78826388888888888</v>
      </c>
      <c r="C34">
        <v>1.9313999999999998</v>
      </c>
      <c r="D34">
        <v>3.8627999999999996</v>
      </c>
    </row>
    <row r="35" spans="1:4" x14ac:dyDescent="0.25">
      <c r="A35" s="1">
        <v>41756</v>
      </c>
      <c r="B35" s="2">
        <v>0.79144675925925922</v>
      </c>
      <c r="C35">
        <v>1.9979999999999998</v>
      </c>
      <c r="D35">
        <v>3.9959999999999996</v>
      </c>
    </row>
    <row r="36" spans="1:4" x14ac:dyDescent="0.25">
      <c r="A36" s="1">
        <v>41756</v>
      </c>
      <c r="B36" s="2">
        <v>0.79478009259259252</v>
      </c>
      <c r="C36">
        <v>2.0646</v>
      </c>
      <c r="D36">
        <v>4.1292</v>
      </c>
    </row>
    <row r="37" spans="1:4" x14ac:dyDescent="0.25">
      <c r="A37" s="1">
        <v>41756</v>
      </c>
      <c r="B37" s="2">
        <v>0.79734953703703704</v>
      </c>
      <c r="C37">
        <v>2.1311999999999998</v>
      </c>
      <c r="D37">
        <v>4.2623999999999995</v>
      </c>
    </row>
    <row r="38" spans="1:4" x14ac:dyDescent="0.25">
      <c r="A38" s="1">
        <v>41756</v>
      </c>
      <c r="B38" s="2">
        <v>0.79856481481481489</v>
      </c>
      <c r="C38">
        <v>2.1977999999999995</v>
      </c>
      <c r="D38">
        <v>4.3955999999999991</v>
      </c>
    </row>
    <row r="39" spans="1:4" x14ac:dyDescent="0.25">
      <c r="A39" s="1">
        <v>41756</v>
      </c>
      <c r="B39" s="2">
        <v>0.7993865740740741</v>
      </c>
      <c r="C39">
        <v>2.2643999999999997</v>
      </c>
      <c r="D39">
        <v>4.5287999999999995</v>
      </c>
    </row>
    <row r="40" spans="1:4" x14ac:dyDescent="0.25">
      <c r="A40" s="1">
        <v>41756</v>
      </c>
      <c r="B40" s="2">
        <v>0.80008101851851843</v>
      </c>
      <c r="C40">
        <v>2.331</v>
      </c>
      <c r="D40">
        <v>4.6619999999999999</v>
      </c>
    </row>
    <row r="41" spans="1:4" x14ac:dyDescent="0.25">
      <c r="A41" s="1">
        <v>41756</v>
      </c>
      <c r="B41" s="2">
        <v>0.80063657407407407</v>
      </c>
      <c r="C41">
        <v>2.3975999999999997</v>
      </c>
      <c r="D41">
        <v>4.7951999999999995</v>
      </c>
    </row>
    <row r="42" spans="1:4" x14ac:dyDescent="0.25">
      <c r="A42" s="1">
        <v>41756</v>
      </c>
      <c r="B42" s="2">
        <v>0.80131944444444436</v>
      </c>
      <c r="C42">
        <v>2.4641999999999999</v>
      </c>
      <c r="D42">
        <v>4.9283999999999999</v>
      </c>
    </row>
    <row r="43" spans="1:4" x14ac:dyDescent="0.25">
      <c r="A43" s="1">
        <v>41756</v>
      </c>
      <c r="B43" s="2">
        <v>0.80199074074074073</v>
      </c>
      <c r="C43">
        <v>2.5307999999999997</v>
      </c>
      <c r="D43">
        <v>5.0615999999999994</v>
      </c>
    </row>
    <row r="44" spans="1:4" x14ac:dyDescent="0.25">
      <c r="A44" s="1">
        <v>41756</v>
      </c>
      <c r="B44" s="2">
        <v>0.80268518518518517</v>
      </c>
      <c r="C44">
        <v>2.5973999999999995</v>
      </c>
      <c r="D44">
        <v>5.194799999999999</v>
      </c>
    </row>
    <row r="45" spans="1:4" x14ac:dyDescent="0.25">
      <c r="A45" s="1">
        <v>41756</v>
      </c>
      <c r="B45" s="2">
        <v>0.80336805555555557</v>
      </c>
      <c r="C45">
        <v>2.6640000000000001</v>
      </c>
      <c r="D45">
        <v>5.3280000000000003</v>
      </c>
    </row>
    <row r="46" spans="1:4" x14ac:dyDescent="0.25">
      <c r="A46" s="1">
        <v>41756</v>
      </c>
      <c r="B46" s="2">
        <v>0.80406250000000001</v>
      </c>
      <c r="C46">
        <v>2.7305999999999999</v>
      </c>
      <c r="D46">
        <v>5.4611999999999998</v>
      </c>
    </row>
    <row r="47" spans="1:4" x14ac:dyDescent="0.25">
      <c r="A47" s="1">
        <v>41756</v>
      </c>
      <c r="B47" s="2">
        <v>0.80476851851851849</v>
      </c>
      <c r="C47">
        <v>2.7971999999999997</v>
      </c>
      <c r="D47">
        <v>5.5943999999999994</v>
      </c>
    </row>
    <row r="48" spans="1:4" x14ac:dyDescent="0.25">
      <c r="A48" s="1">
        <v>41756</v>
      </c>
      <c r="B48" s="2">
        <v>0.80549768518518527</v>
      </c>
      <c r="C48">
        <v>2.8637999999999999</v>
      </c>
      <c r="D48">
        <v>5.7275999999999998</v>
      </c>
    </row>
    <row r="49" spans="1:4" x14ac:dyDescent="0.25">
      <c r="A49" s="1">
        <v>41756</v>
      </c>
      <c r="B49" s="2">
        <v>0.80621527777777768</v>
      </c>
      <c r="C49">
        <v>2.9303999999999997</v>
      </c>
      <c r="D49">
        <v>5.8607999999999993</v>
      </c>
    </row>
    <row r="50" spans="1:4" x14ac:dyDescent="0.25">
      <c r="A50" s="1">
        <v>41756</v>
      </c>
      <c r="B50" s="2">
        <v>0.80697916666666669</v>
      </c>
      <c r="C50">
        <v>2.9969999999999994</v>
      </c>
      <c r="D50">
        <v>5.9939999999999989</v>
      </c>
    </row>
    <row r="51" spans="1:4" x14ac:dyDescent="0.25">
      <c r="A51" s="1">
        <v>41756</v>
      </c>
      <c r="B51" s="2">
        <v>0.80773148148148144</v>
      </c>
      <c r="C51">
        <v>3.0636000000000001</v>
      </c>
      <c r="D51">
        <v>6.1272000000000002</v>
      </c>
    </row>
    <row r="52" spans="1:4" x14ac:dyDescent="0.25">
      <c r="A52" s="1">
        <v>41756</v>
      </c>
      <c r="B52" s="2">
        <v>0.80851851851851853</v>
      </c>
      <c r="C52">
        <v>3.1301999999999999</v>
      </c>
      <c r="D52">
        <v>6.2603999999999997</v>
      </c>
    </row>
    <row r="53" spans="1:4" x14ac:dyDescent="0.25">
      <c r="A53" s="1">
        <v>41756</v>
      </c>
      <c r="B53" s="2">
        <v>0.8093055555555555</v>
      </c>
      <c r="C53">
        <v>3.1967999999999996</v>
      </c>
      <c r="D53">
        <v>6.3935999999999993</v>
      </c>
    </row>
    <row r="54" spans="1:4" x14ac:dyDescent="0.25">
      <c r="A54" s="1">
        <v>41756</v>
      </c>
      <c r="B54" s="2">
        <v>0.81011574074074078</v>
      </c>
      <c r="C54">
        <v>3.2633999999999999</v>
      </c>
      <c r="D54">
        <v>6.5267999999999997</v>
      </c>
    </row>
    <row r="55" spans="1:4" x14ac:dyDescent="0.25">
      <c r="A55" s="1">
        <v>41756</v>
      </c>
      <c r="B55" s="2">
        <v>0.8109143518518519</v>
      </c>
      <c r="C55">
        <v>3.3299999999999996</v>
      </c>
      <c r="D55">
        <v>6.6599999999999993</v>
      </c>
    </row>
    <row r="56" spans="1:4" x14ac:dyDescent="0.25">
      <c r="A56" s="1">
        <v>41756</v>
      </c>
      <c r="B56" s="2">
        <v>0.81172453703703706</v>
      </c>
      <c r="C56">
        <v>3.3965999999999998</v>
      </c>
      <c r="D56">
        <v>6.7931999999999997</v>
      </c>
    </row>
    <row r="57" spans="1:4" x14ac:dyDescent="0.25">
      <c r="A57" s="1">
        <v>41756</v>
      </c>
      <c r="B57" s="2">
        <v>0.81253472222222223</v>
      </c>
      <c r="C57">
        <v>3.4631999999999996</v>
      </c>
      <c r="D57">
        <v>6.9263999999999992</v>
      </c>
    </row>
    <row r="58" spans="1:4" x14ac:dyDescent="0.25">
      <c r="A58" s="1">
        <v>41756</v>
      </c>
      <c r="B58" s="2">
        <v>0.81334490740740739</v>
      </c>
      <c r="C58">
        <v>3.5297999999999998</v>
      </c>
      <c r="D58">
        <v>7.0595999999999997</v>
      </c>
    </row>
    <row r="59" spans="1:4" x14ac:dyDescent="0.25">
      <c r="A59" s="1">
        <v>41756</v>
      </c>
      <c r="B59" s="2">
        <v>0.81416666666666659</v>
      </c>
      <c r="C59">
        <v>3.5963999999999996</v>
      </c>
      <c r="D59">
        <v>7.1927999999999992</v>
      </c>
    </row>
    <row r="60" spans="1:4" x14ac:dyDescent="0.25">
      <c r="A60" s="1">
        <v>41756</v>
      </c>
      <c r="B60" s="2">
        <v>0.81499999999999995</v>
      </c>
      <c r="C60">
        <v>3.6629999999999994</v>
      </c>
      <c r="D60">
        <v>7.3259999999999987</v>
      </c>
    </row>
    <row r="61" spans="1:4" x14ac:dyDescent="0.25">
      <c r="A61" s="1">
        <v>41756</v>
      </c>
      <c r="B61" s="2">
        <v>0.8158333333333333</v>
      </c>
      <c r="C61">
        <v>3.7295999999999996</v>
      </c>
      <c r="D61">
        <v>7.4591999999999992</v>
      </c>
    </row>
    <row r="62" spans="1:4" x14ac:dyDescent="0.25">
      <c r="A62" s="1">
        <v>41756</v>
      </c>
      <c r="B62" s="2">
        <v>0.81670138888888888</v>
      </c>
      <c r="C62">
        <v>3.7961999999999998</v>
      </c>
      <c r="D62">
        <v>7.5923999999999996</v>
      </c>
    </row>
    <row r="63" spans="1:4" x14ac:dyDescent="0.25">
      <c r="A63" s="1">
        <v>41756</v>
      </c>
      <c r="B63" s="2">
        <v>0.81755787037037031</v>
      </c>
      <c r="C63">
        <v>3.8627999999999996</v>
      </c>
      <c r="D63">
        <v>7.7255999999999991</v>
      </c>
    </row>
    <row r="64" spans="1:4" x14ac:dyDescent="0.25">
      <c r="A64" s="1">
        <v>41756</v>
      </c>
      <c r="B64" s="2">
        <v>0.81844907407407408</v>
      </c>
      <c r="C64">
        <v>3.9293999999999998</v>
      </c>
      <c r="D64">
        <v>7.8587999999999996</v>
      </c>
    </row>
    <row r="65" spans="1:4" x14ac:dyDescent="0.25">
      <c r="A65" s="1">
        <v>41756</v>
      </c>
      <c r="B65" s="2">
        <v>0.81934027777777774</v>
      </c>
      <c r="C65">
        <v>3.9959999999999996</v>
      </c>
      <c r="D65">
        <v>7.9919999999999991</v>
      </c>
    </row>
    <row r="66" spans="1:4" x14ac:dyDescent="0.25">
      <c r="A66" s="1">
        <v>41756</v>
      </c>
      <c r="B66" s="2">
        <v>0.82025462962962958</v>
      </c>
      <c r="C66">
        <v>4.0625999999999998</v>
      </c>
      <c r="D66">
        <v>8.1251999999999995</v>
      </c>
    </row>
    <row r="67" spans="1:4" x14ac:dyDescent="0.25">
      <c r="A67" s="1">
        <v>41756</v>
      </c>
      <c r="B67" s="2">
        <v>0.82116898148148154</v>
      </c>
      <c r="C67">
        <v>4.1292</v>
      </c>
      <c r="D67">
        <v>8.2584</v>
      </c>
    </row>
    <row r="68" spans="1:4" x14ac:dyDescent="0.25">
      <c r="A68" s="1">
        <v>41756</v>
      </c>
      <c r="B68" s="2">
        <v>0.82210648148148147</v>
      </c>
      <c r="C68">
        <v>4.1957999999999993</v>
      </c>
      <c r="D68">
        <v>8.3915999999999986</v>
      </c>
    </row>
    <row r="69" spans="1:4" x14ac:dyDescent="0.25">
      <c r="A69" s="1">
        <v>41756</v>
      </c>
      <c r="B69" s="2">
        <v>0.8230439814814815</v>
      </c>
      <c r="C69">
        <v>4.2623999999999995</v>
      </c>
      <c r="D69">
        <v>8.524799999999999</v>
      </c>
    </row>
    <row r="70" spans="1:4" x14ac:dyDescent="0.25">
      <c r="A70" s="1">
        <v>41756</v>
      </c>
      <c r="B70" s="2">
        <v>0.8240277777777778</v>
      </c>
      <c r="C70">
        <v>4.3289999999999997</v>
      </c>
      <c r="D70">
        <v>8.6579999999999995</v>
      </c>
    </row>
    <row r="71" spans="1:4" x14ac:dyDescent="0.25">
      <c r="A71" s="1">
        <v>41756</v>
      </c>
      <c r="B71" s="2">
        <v>0.82498842592592592</v>
      </c>
      <c r="C71">
        <v>4.3955999999999991</v>
      </c>
      <c r="D71">
        <v>8.7911999999999981</v>
      </c>
    </row>
    <row r="72" spans="1:4" x14ac:dyDescent="0.25">
      <c r="A72" s="1">
        <v>41756</v>
      </c>
      <c r="B72" s="2">
        <v>0.82600694444444445</v>
      </c>
      <c r="C72">
        <v>4.4622000000000002</v>
      </c>
      <c r="D72">
        <v>8.9244000000000003</v>
      </c>
    </row>
    <row r="73" spans="1:4" x14ac:dyDescent="0.25">
      <c r="A73" s="1">
        <v>41756</v>
      </c>
      <c r="B73" s="2">
        <v>0.82701388888888883</v>
      </c>
      <c r="C73">
        <v>4.5287999999999995</v>
      </c>
      <c r="D73">
        <v>9.057599999999999</v>
      </c>
    </row>
    <row r="74" spans="1:4" x14ac:dyDescent="0.25">
      <c r="A74" s="1">
        <v>41756</v>
      </c>
      <c r="B74" s="2">
        <v>0.82804398148148151</v>
      </c>
      <c r="C74">
        <v>4.5953999999999997</v>
      </c>
      <c r="D74">
        <v>9.1907999999999994</v>
      </c>
    </row>
    <row r="75" spans="1:4" x14ac:dyDescent="0.25">
      <c r="A75" s="1">
        <v>41756</v>
      </c>
      <c r="B75" s="2">
        <v>0.82907407407407396</v>
      </c>
      <c r="C75">
        <v>4.6619999999999999</v>
      </c>
      <c r="D75">
        <v>9.3239999999999998</v>
      </c>
    </row>
    <row r="76" spans="1:4" x14ac:dyDescent="0.25">
      <c r="A76" s="1">
        <v>41756</v>
      </c>
      <c r="B76" s="2">
        <v>0.83013888888888887</v>
      </c>
      <c r="C76">
        <v>4.7285999999999992</v>
      </c>
      <c r="D76">
        <v>9.4571999999999985</v>
      </c>
    </row>
    <row r="77" spans="1:4" x14ac:dyDescent="0.25">
      <c r="A77" s="1">
        <v>41756</v>
      </c>
      <c r="B77" s="2">
        <v>0.83119212962962974</v>
      </c>
      <c r="C77">
        <v>4.7951999999999995</v>
      </c>
      <c r="D77">
        <v>9.5903999999999989</v>
      </c>
    </row>
    <row r="78" spans="1:4" x14ac:dyDescent="0.25">
      <c r="A78" s="1">
        <v>41756</v>
      </c>
      <c r="B78" s="2">
        <v>0.83229166666666676</v>
      </c>
      <c r="C78">
        <v>4.8617999999999997</v>
      </c>
      <c r="D78">
        <v>9.7235999999999994</v>
      </c>
    </row>
    <row r="79" spans="1:4" x14ac:dyDescent="0.25">
      <c r="A79" s="1">
        <v>41756</v>
      </c>
      <c r="B79" s="2">
        <v>0.83336805555555549</v>
      </c>
      <c r="C79">
        <v>4.9283999999999999</v>
      </c>
      <c r="D79">
        <v>9.8567999999999998</v>
      </c>
    </row>
    <row r="80" spans="1:4" x14ac:dyDescent="0.25">
      <c r="A80" s="1">
        <v>41756</v>
      </c>
      <c r="B80" s="2">
        <v>0.83447916666666666</v>
      </c>
      <c r="C80">
        <v>4.9950000000000001</v>
      </c>
      <c r="D80">
        <v>9.99</v>
      </c>
    </row>
    <row r="81" spans="1:4" x14ac:dyDescent="0.25">
      <c r="A81" s="1">
        <v>41756</v>
      </c>
      <c r="B81" s="2">
        <v>0.83559027777777783</v>
      </c>
      <c r="C81">
        <v>5.0615999999999994</v>
      </c>
      <c r="D81">
        <v>10.123199999999999</v>
      </c>
    </row>
    <row r="82" spans="1:4" x14ac:dyDescent="0.25">
      <c r="A82" s="1">
        <v>41756</v>
      </c>
      <c r="B82" s="2">
        <v>0.83673611111111112</v>
      </c>
      <c r="C82">
        <v>5.1281999999999996</v>
      </c>
      <c r="D82">
        <v>10.256399999999999</v>
      </c>
    </row>
    <row r="83" spans="1:4" x14ac:dyDescent="0.25">
      <c r="A83" s="1">
        <v>41756</v>
      </c>
      <c r="B83" s="2">
        <v>0.83789351851851857</v>
      </c>
      <c r="C83">
        <v>5.194799999999999</v>
      </c>
      <c r="D83">
        <v>10.389599999999998</v>
      </c>
    </row>
    <row r="84" spans="1:4" x14ac:dyDescent="0.25">
      <c r="A84" s="1">
        <v>41756</v>
      </c>
      <c r="B84" s="2">
        <v>0.83906249999999993</v>
      </c>
      <c r="C84">
        <v>5.2614000000000001</v>
      </c>
      <c r="D84">
        <v>10.5228</v>
      </c>
    </row>
    <row r="85" spans="1:4" x14ac:dyDescent="0.25">
      <c r="A85" s="1">
        <v>41756</v>
      </c>
      <c r="B85" s="2">
        <v>0.8402546296296296</v>
      </c>
      <c r="C85">
        <v>5.3280000000000003</v>
      </c>
      <c r="D85">
        <v>10.656000000000001</v>
      </c>
    </row>
    <row r="86" spans="1:4" x14ac:dyDescent="0.25">
      <c r="A86" s="1">
        <v>41756</v>
      </c>
      <c r="B86" s="2">
        <v>0.84145833333333331</v>
      </c>
      <c r="C86">
        <v>5.3945999999999996</v>
      </c>
      <c r="D86">
        <v>10.789199999999999</v>
      </c>
    </row>
    <row r="87" spans="1:4" x14ac:dyDescent="0.25">
      <c r="A87" s="1">
        <v>41756</v>
      </c>
      <c r="B87" s="2">
        <v>0.8426851851851852</v>
      </c>
      <c r="C87">
        <v>5.4611999999999998</v>
      </c>
      <c r="D87">
        <v>10.9224</v>
      </c>
    </row>
    <row r="88" spans="1:4" x14ac:dyDescent="0.25">
      <c r="A88" s="1">
        <v>41756</v>
      </c>
      <c r="B88" s="2">
        <v>0.84394675925925933</v>
      </c>
      <c r="C88">
        <v>5.5277999999999992</v>
      </c>
      <c r="D88">
        <v>11.055599999999998</v>
      </c>
    </row>
    <row r="89" spans="1:4" x14ac:dyDescent="0.25">
      <c r="A89" s="1">
        <v>41756</v>
      </c>
      <c r="B89" s="2">
        <v>0.84520833333333334</v>
      </c>
      <c r="C89">
        <v>5.5943999999999994</v>
      </c>
      <c r="D89">
        <v>11.188799999999999</v>
      </c>
    </row>
    <row r="90" spans="1:4" x14ac:dyDescent="0.25">
      <c r="A90" s="1">
        <v>41756</v>
      </c>
      <c r="B90" s="2">
        <v>0.84650462962962969</v>
      </c>
      <c r="C90">
        <v>5.6609999999999987</v>
      </c>
      <c r="D90">
        <v>11.321999999999997</v>
      </c>
    </row>
    <row r="91" spans="1:4" x14ac:dyDescent="0.25">
      <c r="A91" s="1">
        <v>41756</v>
      </c>
      <c r="B91" s="2">
        <v>0.84782407407407412</v>
      </c>
      <c r="C91">
        <v>5.7275999999999998</v>
      </c>
      <c r="D91">
        <v>11.4552</v>
      </c>
    </row>
    <row r="92" spans="1:4" x14ac:dyDescent="0.25">
      <c r="A92" s="1">
        <v>41756</v>
      </c>
      <c r="B92" s="2">
        <v>0.84916666666666663</v>
      </c>
      <c r="C92">
        <v>5.7942</v>
      </c>
      <c r="D92">
        <v>11.5884</v>
      </c>
    </row>
    <row r="93" spans="1:4" x14ac:dyDescent="0.25">
      <c r="A93" s="1">
        <v>41756</v>
      </c>
      <c r="B93" s="2">
        <v>0.85053240740740732</v>
      </c>
      <c r="C93">
        <v>5.8607999999999993</v>
      </c>
      <c r="D93">
        <v>11.721599999999999</v>
      </c>
    </row>
    <row r="94" spans="1:4" x14ac:dyDescent="0.25">
      <c r="A94" s="1">
        <v>41756</v>
      </c>
      <c r="B94" s="2">
        <v>0.85193287037037047</v>
      </c>
      <c r="C94">
        <v>5.9273999999999996</v>
      </c>
      <c r="D94">
        <v>11.854799999999999</v>
      </c>
    </row>
    <row r="95" spans="1:4" x14ac:dyDescent="0.25">
      <c r="A95" s="1">
        <v>41756</v>
      </c>
      <c r="B95" s="2">
        <v>0.85334490740740743</v>
      </c>
      <c r="C95">
        <v>5.9939999999999989</v>
      </c>
      <c r="D95">
        <v>11.987999999999998</v>
      </c>
    </row>
    <row r="96" spans="1:4" x14ac:dyDescent="0.25">
      <c r="A96" s="1">
        <v>41756</v>
      </c>
      <c r="B96" s="2">
        <v>0.85481481481481481</v>
      </c>
      <c r="C96">
        <v>6.0605999999999991</v>
      </c>
      <c r="D96">
        <v>12.121199999999998</v>
      </c>
    </row>
    <row r="97" spans="1:4" x14ac:dyDescent="0.25">
      <c r="A97" s="1">
        <v>41756</v>
      </c>
      <c r="B97" s="2">
        <v>0.85630787037037026</v>
      </c>
      <c r="C97">
        <v>6.1272000000000002</v>
      </c>
      <c r="D97">
        <v>12.2544</v>
      </c>
    </row>
    <row r="98" spans="1:4" x14ac:dyDescent="0.25">
      <c r="A98" s="1">
        <v>41756</v>
      </c>
      <c r="B98" s="2">
        <v>0.85783564814814817</v>
      </c>
      <c r="C98">
        <v>6.1937999999999995</v>
      </c>
      <c r="D98">
        <v>12.387599999999999</v>
      </c>
    </row>
    <row r="99" spans="1:4" x14ac:dyDescent="0.25">
      <c r="A99" s="1">
        <v>41756</v>
      </c>
      <c r="B99" s="2">
        <v>0.85940972222222223</v>
      </c>
      <c r="C99">
        <v>6.2603999999999997</v>
      </c>
      <c r="D99">
        <v>12.520799999999999</v>
      </c>
    </row>
    <row r="100" spans="1:4" x14ac:dyDescent="0.25">
      <c r="A100" s="1">
        <v>41756</v>
      </c>
      <c r="B100" s="2">
        <v>0.86100694444444448</v>
      </c>
      <c r="C100">
        <v>6.3269999999999991</v>
      </c>
      <c r="D100">
        <v>12.653999999999998</v>
      </c>
    </row>
    <row r="101" spans="1:4" x14ac:dyDescent="0.25">
      <c r="A101" s="1">
        <v>41756</v>
      </c>
      <c r="B101" s="2">
        <v>0.86263888888888884</v>
      </c>
      <c r="C101">
        <v>6.3935999999999993</v>
      </c>
      <c r="D101">
        <v>12.787199999999999</v>
      </c>
    </row>
    <row r="102" spans="1:4" x14ac:dyDescent="0.25">
      <c r="A102" s="1">
        <v>41756</v>
      </c>
      <c r="B102" s="2">
        <v>0.86429398148148151</v>
      </c>
      <c r="C102">
        <v>6.4601999999999995</v>
      </c>
      <c r="D102">
        <v>12.920399999999999</v>
      </c>
    </row>
    <row r="103" spans="1:4" x14ac:dyDescent="0.25">
      <c r="A103" s="1">
        <v>41756</v>
      </c>
      <c r="B103" s="2">
        <v>0.86600694444444448</v>
      </c>
      <c r="C103">
        <v>6.5267999999999997</v>
      </c>
      <c r="D103">
        <v>13.053599999999999</v>
      </c>
    </row>
    <row r="104" spans="1:4" x14ac:dyDescent="0.25">
      <c r="A104" s="1">
        <v>41756</v>
      </c>
      <c r="B104" s="2">
        <v>0.86774305555555553</v>
      </c>
      <c r="C104">
        <v>6.5933999999999999</v>
      </c>
      <c r="D104">
        <v>13.1868</v>
      </c>
    </row>
    <row r="105" spans="1:4" x14ac:dyDescent="0.25">
      <c r="A105" s="1">
        <v>41756</v>
      </c>
      <c r="B105" s="2">
        <v>0.86952546296296296</v>
      </c>
      <c r="C105">
        <v>6.6599999999999993</v>
      </c>
      <c r="D105">
        <v>13.319999999999999</v>
      </c>
    </row>
    <row r="106" spans="1:4" x14ac:dyDescent="0.25">
      <c r="A106" s="1">
        <v>41756</v>
      </c>
      <c r="B106" s="2">
        <v>0.87135416666666676</v>
      </c>
      <c r="C106">
        <v>6.7265999999999995</v>
      </c>
      <c r="D106">
        <v>13.453199999999999</v>
      </c>
    </row>
    <row r="107" spans="1:4" x14ac:dyDescent="0.25">
      <c r="A107" s="1">
        <v>41756</v>
      </c>
      <c r="B107" s="2">
        <v>0.87321759259259257</v>
      </c>
      <c r="C107">
        <v>6.7931999999999997</v>
      </c>
      <c r="D107">
        <v>13.586399999999999</v>
      </c>
    </row>
    <row r="108" spans="1:4" x14ac:dyDescent="0.25">
      <c r="A108" s="1">
        <v>41756</v>
      </c>
      <c r="B108" s="2">
        <v>0.87512731481481476</v>
      </c>
      <c r="C108">
        <v>6.859799999999999</v>
      </c>
      <c r="D108">
        <v>13.719599999999998</v>
      </c>
    </row>
    <row r="109" spans="1:4" x14ac:dyDescent="0.25">
      <c r="A109" s="1">
        <v>41756</v>
      </c>
      <c r="B109" s="2">
        <v>0.87707175925925929</v>
      </c>
      <c r="C109">
        <v>6.9263999999999992</v>
      </c>
      <c r="D109">
        <v>13.852799999999998</v>
      </c>
    </row>
    <row r="110" spans="1:4" x14ac:dyDescent="0.25">
      <c r="A110" s="1">
        <v>41756</v>
      </c>
      <c r="B110" s="2">
        <v>0.87907407407407412</v>
      </c>
      <c r="C110">
        <v>6.9929999999999994</v>
      </c>
      <c r="D110">
        <v>13.985999999999999</v>
      </c>
    </row>
    <row r="111" spans="1:4" x14ac:dyDescent="0.25">
      <c r="A111" s="1">
        <v>41756</v>
      </c>
      <c r="B111" s="2">
        <v>0.88112268518518511</v>
      </c>
      <c r="C111">
        <v>7.0595999999999997</v>
      </c>
      <c r="D111">
        <v>14.119199999999999</v>
      </c>
    </row>
    <row r="112" spans="1:4" x14ac:dyDescent="0.25">
      <c r="A112" s="1">
        <v>41756</v>
      </c>
      <c r="B112" s="2">
        <v>0.88320601851851854</v>
      </c>
      <c r="C112">
        <v>7.1261999999999999</v>
      </c>
      <c r="D112">
        <v>14.2524</v>
      </c>
    </row>
    <row r="113" spans="1:4" x14ac:dyDescent="0.25">
      <c r="A113" s="1">
        <v>41756</v>
      </c>
      <c r="B113" s="2">
        <v>0.88534722222222229</v>
      </c>
      <c r="C113">
        <v>7.1927999999999992</v>
      </c>
      <c r="D113">
        <v>14.385599999999998</v>
      </c>
    </row>
    <row r="114" spans="1:4" x14ac:dyDescent="0.25">
      <c r="A114" s="1">
        <v>41756</v>
      </c>
      <c r="B114" s="2">
        <v>0.88751157407407411</v>
      </c>
      <c r="C114">
        <v>7.2593999999999994</v>
      </c>
      <c r="D114">
        <v>14.518799999999999</v>
      </c>
    </row>
    <row r="115" spans="1:4" x14ac:dyDescent="0.25">
      <c r="A115" s="1">
        <v>41756</v>
      </c>
      <c r="B115" s="2">
        <v>0.88973379629629623</v>
      </c>
      <c r="C115">
        <v>7.3259999999999987</v>
      </c>
      <c r="D115">
        <v>14.651999999999997</v>
      </c>
    </row>
    <row r="116" spans="1:4" x14ac:dyDescent="0.25">
      <c r="A116" s="1">
        <v>41756</v>
      </c>
      <c r="B116" s="2">
        <v>0.89200231481481485</v>
      </c>
      <c r="C116">
        <v>7.3925999999999998</v>
      </c>
      <c r="D116">
        <v>14.7852</v>
      </c>
    </row>
    <row r="117" spans="1:4" x14ac:dyDescent="0.25">
      <c r="A117" s="1">
        <v>41756</v>
      </c>
      <c r="B117" s="2">
        <v>0.89430555555555558</v>
      </c>
      <c r="C117">
        <v>7.4591999999999992</v>
      </c>
      <c r="D117">
        <v>14.918399999999998</v>
      </c>
    </row>
    <row r="118" spans="1:4" x14ac:dyDescent="0.25">
      <c r="A118" s="1">
        <v>41756</v>
      </c>
      <c r="B118" s="2">
        <v>0.89666666666666661</v>
      </c>
      <c r="C118">
        <v>7.5257999999999994</v>
      </c>
      <c r="D118">
        <v>15.051599999999999</v>
      </c>
    </row>
    <row r="119" spans="1:4" x14ac:dyDescent="0.25">
      <c r="A119" s="1">
        <v>41756</v>
      </c>
      <c r="B119" s="2">
        <v>0.89907407407407414</v>
      </c>
      <c r="C119">
        <v>7.5923999999999996</v>
      </c>
      <c r="D119">
        <v>15.184799999999999</v>
      </c>
    </row>
    <row r="120" spans="1:4" x14ac:dyDescent="0.25">
      <c r="A120" s="1">
        <v>41756</v>
      </c>
      <c r="B120" s="2">
        <v>0.90153935185185186</v>
      </c>
      <c r="C120">
        <v>7.6589999999999989</v>
      </c>
      <c r="D120">
        <v>15.317999999999998</v>
      </c>
    </row>
    <row r="121" spans="1:4" x14ac:dyDescent="0.25">
      <c r="A121" s="1">
        <v>41756</v>
      </c>
      <c r="B121" s="2">
        <v>0.90405092592592595</v>
      </c>
      <c r="C121">
        <v>7.7255999999999991</v>
      </c>
      <c r="D121">
        <v>15.451199999999998</v>
      </c>
    </row>
    <row r="122" spans="1:4" x14ac:dyDescent="0.25">
      <c r="A122" s="1">
        <v>41756</v>
      </c>
      <c r="B122" s="2">
        <v>0.90662037037037047</v>
      </c>
      <c r="C122">
        <v>7.7921999999999993</v>
      </c>
      <c r="D122">
        <v>15.584399999999999</v>
      </c>
    </row>
    <row r="123" spans="1:4" x14ac:dyDescent="0.25">
      <c r="A123" s="1">
        <v>41756</v>
      </c>
      <c r="B123" s="2">
        <v>0.90924768518518517</v>
      </c>
      <c r="C123">
        <v>7.8587999999999996</v>
      </c>
      <c r="D123">
        <v>15.717599999999999</v>
      </c>
    </row>
    <row r="124" spans="1:4" x14ac:dyDescent="0.25">
      <c r="A124" s="1">
        <v>41756</v>
      </c>
      <c r="B124" s="2">
        <v>0.91194444444444445</v>
      </c>
      <c r="C124">
        <v>7.9253999999999998</v>
      </c>
      <c r="D124">
        <v>15.8508</v>
      </c>
    </row>
    <row r="125" spans="1:4" x14ac:dyDescent="0.25">
      <c r="A125" s="1">
        <v>41756</v>
      </c>
      <c r="B125" s="2">
        <v>0.91469907407407414</v>
      </c>
      <c r="C125">
        <v>7.9919999999999991</v>
      </c>
      <c r="D125">
        <v>15.983999999999998</v>
      </c>
    </row>
    <row r="126" spans="1:4" x14ac:dyDescent="0.25">
      <c r="A126" s="1">
        <v>41756</v>
      </c>
      <c r="B126" s="2">
        <v>0.91746527777777775</v>
      </c>
      <c r="C126">
        <v>8.0586000000000002</v>
      </c>
      <c r="D126">
        <v>16.1172</v>
      </c>
    </row>
    <row r="127" spans="1:4" x14ac:dyDescent="0.25">
      <c r="A127" s="1">
        <v>41756</v>
      </c>
      <c r="B127" s="2">
        <v>0.92031249999999998</v>
      </c>
      <c r="C127">
        <v>8.1251999999999995</v>
      </c>
      <c r="D127">
        <v>16.250399999999999</v>
      </c>
    </row>
    <row r="128" spans="1:4" x14ac:dyDescent="0.25">
      <c r="A128" s="1">
        <v>41756</v>
      </c>
      <c r="B128" s="2">
        <v>0.92325231481481485</v>
      </c>
      <c r="C128">
        <v>8.1917999999999989</v>
      </c>
      <c r="D128">
        <v>16.383599999999998</v>
      </c>
    </row>
    <row r="129" spans="1:4" x14ac:dyDescent="0.25">
      <c r="A129" s="1">
        <v>41756</v>
      </c>
      <c r="B129" s="2">
        <v>0.92621527777777779</v>
      </c>
      <c r="C129">
        <v>8.2584</v>
      </c>
      <c r="D129">
        <v>16.5168</v>
      </c>
    </row>
    <row r="130" spans="1:4" x14ac:dyDescent="0.25">
      <c r="A130" s="1">
        <v>41756</v>
      </c>
      <c r="B130" s="2">
        <v>0.92925925925925934</v>
      </c>
      <c r="C130">
        <v>8.3249999999999993</v>
      </c>
      <c r="D130">
        <v>16.649999999999999</v>
      </c>
    </row>
    <row r="131" spans="1:4" x14ac:dyDescent="0.25">
      <c r="A131" s="1">
        <v>41756</v>
      </c>
      <c r="B131" s="2">
        <v>0.93234953703703705</v>
      </c>
      <c r="C131">
        <v>8.3915999999999986</v>
      </c>
      <c r="D131">
        <v>16.783199999999997</v>
      </c>
    </row>
    <row r="132" spans="1:4" x14ac:dyDescent="0.25">
      <c r="A132" s="1">
        <v>41756</v>
      </c>
      <c r="B132" s="2">
        <v>0.93549768518518517</v>
      </c>
      <c r="C132">
        <v>8.4581999999999997</v>
      </c>
      <c r="D132">
        <v>16.916399999999999</v>
      </c>
    </row>
    <row r="133" spans="1:4" x14ac:dyDescent="0.25">
      <c r="A133" s="1">
        <v>41756</v>
      </c>
      <c r="B133" s="2">
        <v>0.93866898148148159</v>
      </c>
      <c r="C133">
        <v>8.524799999999999</v>
      </c>
      <c r="D133">
        <v>17.049599999999998</v>
      </c>
    </row>
    <row r="134" spans="1:4" x14ac:dyDescent="0.25">
      <c r="A134" s="1">
        <v>41756</v>
      </c>
      <c r="B134" s="2">
        <v>0.94180555555555545</v>
      </c>
      <c r="C134">
        <v>8.5914000000000001</v>
      </c>
      <c r="D134">
        <v>17.1828</v>
      </c>
    </row>
    <row r="135" spans="1:4" x14ac:dyDescent="0.25">
      <c r="A135" s="1">
        <v>41756</v>
      </c>
      <c r="B135" s="2">
        <v>0.94482638888888892</v>
      </c>
      <c r="C135">
        <v>8.6579999999999995</v>
      </c>
      <c r="D135">
        <v>17.315999999999999</v>
      </c>
    </row>
    <row r="136" spans="1:4" x14ac:dyDescent="0.25">
      <c r="A136" s="1">
        <v>41756</v>
      </c>
      <c r="B136" s="2">
        <v>0.94773148148148145</v>
      </c>
      <c r="C136">
        <v>8.7245999999999988</v>
      </c>
      <c r="D136">
        <v>17.449199999999998</v>
      </c>
    </row>
    <row r="137" spans="1:4" x14ac:dyDescent="0.25">
      <c r="A137" s="1">
        <v>41756</v>
      </c>
      <c r="B137" s="2">
        <v>0.95041666666666658</v>
      </c>
      <c r="C137">
        <v>8.7911999999999981</v>
      </c>
      <c r="D137">
        <v>17.582399999999996</v>
      </c>
    </row>
    <row r="138" spans="1:4" x14ac:dyDescent="0.25">
      <c r="A138" s="1">
        <v>41756</v>
      </c>
      <c r="B138" s="2">
        <v>0.95295138888888886</v>
      </c>
      <c r="C138">
        <v>8.8577999999999992</v>
      </c>
      <c r="D138">
        <v>17.715599999999998</v>
      </c>
    </row>
    <row r="139" spans="1:4" x14ac:dyDescent="0.25">
      <c r="A139" s="1">
        <v>41756</v>
      </c>
      <c r="B139" s="2">
        <v>0.95538194444444446</v>
      </c>
      <c r="C139">
        <v>8.9244000000000003</v>
      </c>
      <c r="D139">
        <v>17.848800000000001</v>
      </c>
    </row>
    <row r="140" spans="1:4" x14ac:dyDescent="0.25">
      <c r="A140" s="1">
        <v>41756</v>
      </c>
      <c r="B140" s="2">
        <v>0.95767361111111116</v>
      </c>
      <c r="C140">
        <v>8.9909999999999997</v>
      </c>
      <c r="D140">
        <v>17.981999999999999</v>
      </c>
    </row>
    <row r="141" spans="1:4" x14ac:dyDescent="0.25">
      <c r="A141" s="1">
        <v>41756</v>
      </c>
      <c r="B141" s="2">
        <v>0.95982638888888883</v>
      </c>
      <c r="C141">
        <v>9.057599999999999</v>
      </c>
      <c r="D141">
        <v>18.115199999999998</v>
      </c>
    </row>
    <row r="142" spans="1:4" x14ac:dyDescent="0.25">
      <c r="A142" s="1">
        <v>41756</v>
      </c>
      <c r="B142" s="2">
        <v>0.96186342592592589</v>
      </c>
      <c r="C142">
        <v>9.1241999999999983</v>
      </c>
      <c r="D142">
        <v>18.248399999999997</v>
      </c>
    </row>
    <row r="143" spans="1:4" x14ac:dyDescent="0.25">
      <c r="A143" s="1">
        <v>41756</v>
      </c>
      <c r="B143" s="2">
        <v>0.96377314814814818</v>
      </c>
      <c r="C143">
        <v>9.1907999999999994</v>
      </c>
      <c r="D143">
        <v>18.381599999999999</v>
      </c>
    </row>
    <row r="144" spans="1:4" x14ac:dyDescent="0.25">
      <c r="A144" s="1">
        <v>41756</v>
      </c>
      <c r="B144" s="2">
        <v>0.96556712962962965</v>
      </c>
      <c r="C144">
        <v>9.2574000000000005</v>
      </c>
      <c r="D144">
        <v>18.514800000000001</v>
      </c>
    </row>
    <row r="145" spans="1:4" x14ac:dyDescent="0.25">
      <c r="A145" s="1">
        <v>41756</v>
      </c>
      <c r="B145" s="2">
        <v>0.96729166666666666</v>
      </c>
      <c r="C145">
        <v>9.3239999999999998</v>
      </c>
      <c r="D145">
        <v>18.648</v>
      </c>
    </row>
    <row r="146" spans="1:4" x14ac:dyDescent="0.25">
      <c r="A146" s="1">
        <v>41756</v>
      </c>
      <c r="B146" s="2">
        <v>0.96893518518518518</v>
      </c>
      <c r="C146">
        <v>9.3905999999999992</v>
      </c>
      <c r="D146">
        <v>18.781199999999998</v>
      </c>
    </row>
    <row r="147" spans="1:4" x14ac:dyDescent="0.25">
      <c r="A147" s="1">
        <v>41756</v>
      </c>
      <c r="B147" s="2">
        <v>0.97054398148148147</v>
      </c>
      <c r="C147">
        <v>9.4571999999999985</v>
      </c>
      <c r="D147">
        <v>18.914399999999997</v>
      </c>
    </row>
    <row r="148" spans="1:4" x14ac:dyDescent="0.25">
      <c r="A148" s="1">
        <v>41756</v>
      </c>
      <c r="B148" s="2">
        <v>0.97210648148148149</v>
      </c>
      <c r="C148">
        <v>9.5237999999999996</v>
      </c>
      <c r="D148">
        <v>19.047599999999999</v>
      </c>
    </row>
    <row r="149" spans="1:4" x14ac:dyDescent="0.25">
      <c r="A149" s="1">
        <v>41756</v>
      </c>
      <c r="B149" s="2">
        <v>0.97365740740740747</v>
      </c>
      <c r="C149">
        <v>9.5903999999999989</v>
      </c>
      <c r="D149">
        <v>19.180799999999998</v>
      </c>
    </row>
    <row r="150" spans="1:4" x14ac:dyDescent="0.25">
      <c r="A150" s="1">
        <v>41756</v>
      </c>
      <c r="B150" s="2">
        <v>0.9751967592592593</v>
      </c>
      <c r="C150">
        <v>9.657</v>
      </c>
      <c r="D150">
        <v>19.314</v>
      </c>
    </row>
    <row r="151" spans="1:4" x14ac:dyDescent="0.25">
      <c r="A151" s="1">
        <v>41756</v>
      </c>
      <c r="B151" s="2">
        <v>0.97673611111111114</v>
      </c>
      <c r="C151">
        <v>9.7235999999999994</v>
      </c>
      <c r="D151">
        <v>19.447199999999999</v>
      </c>
    </row>
    <row r="152" spans="1:4" x14ac:dyDescent="0.25">
      <c r="A152" s="1">
        <v>41756</v>
      </c>
      <c r="B152" s="2">
        <v>0.97829861111111116</v>
      </c>
      <c r="C152">
        <v>9.7901999999999987</v>
      </c>
      <c r="D152">
        <v>19.580399999999997</v>
      </c>
    </row>
    <row r="153" spans="1:4" x14ac:dyDescent="0.25">
      <c r="A153" s="1">
        <v>41756</v>
      </c>
      <c r="B153" s="2">
        <v>0.97984953703703714</v>
      </c>
      <c r="C153">
        <v>9.8567999999999998</v>
      </c>
      <c r="D153">
        <v>19.7136</v>
      </c>
    </row>
    <row r="154" spans="1:4" x14ac:dyDescent="0.25">
      <c r="A154" s="1">
        <v>41756</v>
      </c>
      <c r="B154" s="2">
        <v>0.98143518518518524</v>
      </c>
      <c r="C154">
        <v>9.9233999999999991</v>
      </c>
      <c r="D154">
        <v>19.846799999999998</v>
      </c>
    </row>
    <row r="155" spans="1:4" x14ac:dyDescent="0.25">
      <c r="A155" s="1">
        <v>41756</v>
      </c>
      <c r="B155" s="2">
        <v>0.98307870370370365</v>
      </c>
      <c r="C155">
        <v>9.99</v>
      </c>
      <c r="D155">
        <v>19.98</v>
      </c>
    </row>
    <row r="156" spans="1:4" x14ac:dyDescent="0.25">
      <c r="A156" s="1">
        <v>41756</v>
      </c>
      <c r="B156" s="2">
        <v>0.98475694444444439</v>
      </c>
      <c r="C156">
        <v>10.056599999999998</v>
      </c>
      <c r="D156">
        <v>20.113199999999996</v>
      </c>
    </row>
    <row r="157" spans="1:4" x14ac:dyDescent="0.25">
      <c r="A157" s="1">
        <v>41756</v>
      </c>
      <c r="B157" s="2">
        <v>0.98645833333333333</v>
      </c>
      <c r="C157">
        <v>10.123199999999999</v>
      </c>
      <c r="D157">
        <v>20.246399999999998</v>
      </c>
    </row>
    <row r="158" spans="1:4" x14ac:dyDescent="0.25">
      <c r="A158" s="1">
        <v>41756</v>
      </c>
      <c r="B158" s="2">
        <v>0.98820601851851853</v>
      </c>
      <c r="C158">
        <v>10.1898</v>
      </c>
      <c r="D158">
        <v>20.3796</v>
      </c>
    </row>
    <row r="159" spans="1:4" x14ac:dyDescent="0.25">
      <c r="A159" s="1">
        <v>41756</v>
      </c>
      <c r="B159" s="2">
        <v>0.98998842592592595</v>
      </c>
      <c r="C159">
        <v>10.256399999999999</v>
      </c>
      <c r="D159">
        <v>20.512799999999999</v>
      </c>
    </row>
    <row r="160" spans="1:4" x14ac:dyDescent="0.25">
      <c r="A160" s="1">
        <v>41756</v>
      </c>
      <c r="B160" s="2">
        <v>0.99181712962962953</v>
      </c>
      <c r="C160">
        <v>10.323</v>
      </c>
      <c r="D160">
        <v>20.646000000000001</v>
      </c>
    </row>
    <row r="161" spans="1:4" x14ac:dyDescent="0.25">
      <c r="A161" s="1">
        <v>41756</v>
      </c>
      <c r="B161" s="2">
        <v>0.99369212962962961</v>
      </c>
      <c r="C161">
        <v>10.389599999999998</v>
      </c>
      <c r="D161">
        <v>20.779199999999996</v>
      </c>
    </row>
    <row r="162" spans="1:4" x14ac:dyDescent="0.25">
      <c r="A162" s="1">
        <v>41756</v>
      </c>
      <c r="B162" s="2">
        <v>0.99561342592592583</v>
      </c>
      <c r="C162">
        <v>10.456199999999999</v>
      </c>
      <c r="D162">
        <v>20.912399999999998</v>
      </c>
    </row>
    <row r="163" spans="1:4" x14ac:dyDescent="0.25">
      <c r="A163" s="1">
        <v>41756</v>
      </c>
      <c r="B163" s="2">
        <v>0.9975925925925927</v>
      </c>
      <c r="C163">
        <v>10.5228</v>
      </c>
      <c r="D163">
        <v>21.0456</v>
      </c>
    </row>
    <row r="164" spans="1:4" x14ac:dyDescent="0.25">
      <c r="A164" s="1">
        <v>41756</v>
      </c>
      <c r="B164" s="2">
        <v>0.99960648148148146</v>
      </c>
      <c r="C164">
        <v>10.589399999999999</v>
      </c>
      <c r="D164">
        <v>21.178799999999999</v>
      </c>
    </row>
    <row r="165" spans="1:4" x14ac:dyDescent="0.25">
      <c r="A165" s="1">
        <v>41757</v>
      </c>
      <c r="B165" s="2">
        <v>1.689814814814815E-3</v>
      </c>
      <c r="C165">
        <v>10.656000000000001</v>
      </c>
      <c r="D165">
        <v>21.312000000000001</v>
      </c>
    </row>
    <row r="166" spans="1:4" x14ac:dyDescent="0.25">
      <c r="A166" s="1">
        <v>41757</v>
      </c>
      <c r="B166" s="2">
        <v>3.8194444444444443E-3</v>
      </c>
      <c r="C166">
        <v>10.722599999999998</v>
      </c>
      <c r="D166">
        <v>21.445199999999996</v>
      </c>
    </row>
    <row r="167" spans="1:4" x14ac:dyDescent="0.25">
      <c r="A167" s="1">
        <v>41757</v>
      </c>
      <c r="B167" s="2">
        <v>6.030092592592593E-3</v>
      </c>
      <c r="C167">
        <v>10.789199999999999</v>
      </c>
      <c r="D167">
        <v>21.578399999999998</v>
      </c>
    </row>
    <row r="168" spans="1:4" x14ac:dyDescent="0.25">
      <c r="A168" s="1">
        <v>41757</v>
      </c>
      <c r="B168" s="2">
        <v>8.3101851851851861E-3</v>
      </c>
      <c r="C168">
        <v>10.855799999999999</v>
      </c>
      <c r="D168">
        <v>21.711599999999997</v>
      </c>
    </row>
    <row r="169" spans="1:4" x14ac:dyDescent="0.25">
      <c r="A169" s="1">
        <v>41757</v>
      </c>
      <c r="B169" s="2">
        <v>1.064814814814815E-2</v>
      </c>
      <c r="C169">
        <v>10.9224</v>
      </c>
      <c r="D169">
        <v>21.844799999999999</v>
      </c>
    </row>
    <row r="170" spans="1:4" x14ac:dyDescent="0.25">
      <c r="A170" s="1">
        <v>41757</v>
      </c>
      <c r="B170" s="2">
        <v>1.3032407407407407E-2</v>
      </c>
      <c r="C170">
        <v>10.988999999999999</v>
      </c>
      <c r="D170">
        <v>21.977999999999998</v>
      </c>
    </row>
    <row r="171" spans="1:4" x14ac:dyDescent="0.25">
      <c r="A171" s="1">
        <v>41757</v>
      </c>
      <c r="B171" s="2">
        <v>1.5474537037037038E-2</v>
      </c>
      <c r="C171">
        <v>11.055599999999998</v>
      </c>
      <c r="D171">
        <v>22.111199999999997</v>
      </c>
    </row>
    <row r="172" spans="1:4" x14ac:dyDescent="0.25">
      <c r="A172" s="1">
        <v>41757</v>
      </c>
      <c r="B172" s="2">
        <v>1.7986111111111109E-2</v>
      </c>
      <c r="C172">
        <v>11.122199999999999</v>
      </c>
      <c r="D172">
        <v>22.244399999999999</v>
      </c>
    </row>
    <row r="173" spans="1:4" x14ac:dyDescent="0.25">
      <c r="A173" s="1">
        <v>41757</v>
      </c>
      <c r="B173" s="2">
        <v>2.0590277777777777E-2</v>
      </c>
      <c r="C173">
        <v>11.188799999999999</v>
      </c>
      <c r="D173">
        <v>22.377599999999997</v>
      </c>
    </row>
    <row r="174" spans="1:4" x14ac:dyDescent="0.25">
      <c r="A174" s="1">
        <v>41757</v>
      </c>
      <c r="B174" s="2">
        <v>2.3240740740740742E-2</v>
      </c>
      <c r="C174">
        <v>11.2554</v>
      </c>
      <c r="D174">
        <v>22.5108</v>
      </c>
    </row>
    <row r="175" spans="1:4" x14ac:dyDescent="0.25">
      <c r="A175" s="1">
        <v>41757</v>
      </c>
      <c r="B175" s="2">
        <v>2.5937500000000002E-2</v>
      </c>
      <c r="C175">
        <v>11.321999999999997</v>
      </c>
      <c r="D175">
        <v>22.643999999999995</v>
      </c>
    </row>
    <row r="176" spans="1:4" x14ac:dyDescent="0.25">
      <c r="A176" s="1">
        <v>41757</v>
      </c>
      <c r="B176" s="2">
        <v>2.8738425925925928E-2</v>
      </c>
      <c r="C176">
        <v>11.388599999999999</v>
      </c>
      <c r="D176">
        <v>22.777199999999997</v>
      </c>
    </row>
    <row r="177" spans="1:4" x14ac:dyDescent="0.25">
      <c r="A177" s="1">
        <v>41757</v>
      </c>
      <c r="B177" s="2">
        <v>3.1620370370370368E-2</v>
      </c>
      <c r="C177">
        <v>11.4552</v>
      </c>
      <c r="D177">
        <v>22.910399999999999</v>
      </c>
    </row>
    <row r="178" spans="1:4" x14ac:dyDescent="0.25">
      <c r="A178" s="1">
        <v>41757</v>
      </c>
      <c r="B178" s="2">
        <v>3.4594907407407408E-2</v>
      </c>
      <c r="C178">
        <v>11.521799999999999</v>
      </c>
      <c r="D178">
        <v>23.043599999999998</v>
      </c>
    </row>
    <row r="179" spans="1:4" x14ac:dyDescent="0.25">
      <c r="A179" s="1">
        <v>41757</v>
      </c>
      <c r="B179" s="2">
        <v>3.7662037037037036E-2</v>
      </c>
      <c r="C179">
        <v>11.5884</v>
      </c>
      <c r="D179">
        <v>23.1768</v>
      </c>
    </row>
    <row r="180" spans="1:4" x14ac:dyDescent="0.25">
      <c r="A180" s="1">
        <v>41757</v>
      </c>
      <c r="B180" s="2">
        <v>4.0798611111111112E-2</v>
      </c>
      <c r="C180">
        <v>11.654999999999998</v>
      </c>
      <c r="D180">
        <v>23.309999999999995</v>
      </c>
    </row>
    <row r="181" spans="1:4" x14ac:dyDescent="0.25">
      <c r="A181" s="1">
        <v>41757</v>
      </c>
      <c r="B181" s="2">
        <v>4.4027777777777777E-2</v>
      </c>
      <c r="C181">
        <v>11.721599999999999</v>
      </c>
      <c r="D181">
        <v>23.443199999999997</v>
      </c>
    </row>
    <row r="182" spans="1:4" x14ac:dyDescent="0.25">
      <c r="A182" s="1">
        <v>41757</v>
      </c>
      <c r="B182" s="2">
        <v>4.7326388888888883E-2</v>
      </c>
      <c r="C182">
        <v>11.7882</v>
      </c>
      <c r="D182">
        <v>23.5764</v>
      </c>
    </row>
    <row r="183" spans="1:4" x14ac:dyDescent="0.25">
      <c r="A183" s="1">
        <v>41757</v>
      </c>
      <c r="B183" s="2">
        <v>5.0752314814814813E-2</v>
      </c>
      <c r="C183">
        <v>11.854799999999999</v>
      </c>
      <c r="D183">
        <v>23.709599999999998</v>
      </c>
    </row>
    <row r="184" spans="1:4" x14ac:dyDescent="0.25">
      <c r="A184" s="1">
        <v>41757</v>
      </c>
      <c r="B184" s="2">
        <v>5.4282407407407411E-2</v>
      </c>
      <c r="C184">
        <v>11.9214</v>
      </c>
      <c r="D184">
        <v>23.8428</v>
      </c>
    </row>
    <row r="185" spans="1:4" x14ac:dyDescent="0.25">
      <c r="A185" s="1">
        <v>41757</v>
      </c>
      <c r="B185" s="2">
        <v>5.7905092592592598E-2</v>
      </c>
      <c r="C185">
        <v>11.987999999999998</v>
      </c>
      <c r="D185">
        <v>23.975999999999996</v>
      </c>
    </row>
    <row r="186" spans="1:4" x14ac:dyDescent="0.25">
      <c r="A186" s="1">
        <v>41757</v>
      </c>
      <c r="B186" s="2">
        <v>6.1620370370370374E-2</v>
      </c>
      <c r="C186">
        <v>12.054599999999999</v>
      </c>
      <c r="D186">
        <v>24.109199999999998</v>
      </c>
    </row>
    <row r="187" spans="1:4" x14ac:dyDescent="0.25">
      <c r="A187" s="1">
        <v>41757</v>
      </c>
      <c r="B187" s="2">
        <v>6.5462962962962959E-2</v>
      </c>
      <c r="C187">
        <v>12.121199999999998</v>
      </c>
      <c r="D187">
        <v>24.242399999999996</v>
      </c>
    </row>
    <row r="188" spans="1:4" x14ac:dyDescent="0.25">
      <c r="A188" s="1">
        <v>41757</v>
      </c>
      <c r="B188" s="2">
        <v>6.9456018518518514E-2</v>
      </c>
      <c r="C188">
        <v>12.187799999999999</v>
      </c>
      <c r="D188">
        <v>24.375599999999999</v>
      </c>
    </row>
    <row r="189" spans="1:4" x14ac:dyDescent="0.25">
      <c r="A189" s="1">
        <v>41757</v>
      </c>
      <c r="B189" s="2">
        <v>7.3541666666666672E-2</v>
      </c>
      <c r="C189">
        <v>12.2544</v>
      </c>
      <c r="D189">
        <v>24.508800000000001</v>
      </c>
    </row>
    <row r="190" spans="1:4" x14ac:dyDescent="0.25">
      <c r="A190" s="1">
        <v>41757</v>
      </c>
      <c r="B190" s="2">
        <v>7.7754629629629632E-2</v>
      </c>
      <c r="C190">
        <v>12.320999999999998</v>
      </c>
      <c r="D190">
        <v>24.641999999999996</v>
      </c>
    </row>
    <row r="191" spans="1:4" x14ac:dyDescent="0.25">
      <c r="A191" s="1">
        <v>41757</v>
      </c>
      <c r="B191" s="2">
        <v>8.2106481481481489E-2</v>
      </c>
      <c r="C191">
        <v>12.387599999999999</v>
      </c>
      <c r="D191">
        <v>24.775199999999998</v>
      </c>
    </row>
    <row r="192" spans="1:4" x14ac:dyDescent="0.25">
      <c r="A192" s="1">
        <v>41757</v>
      </c>
      <c r="B192" s="2">
        <v>8.6585648148148162E-2</v>
      </c>
      <c r="C192">
        <v>12.454199999999998</v>
      </c>
      <c r="D192">
        <v>24.908399999999997</v>
      </c>
    </row>
    <row r="193" spans="1:4" x14ac:dyDescent="0.25">
      <c r="A193" s="1">
        <v>41757</v>
      </c>
      <c r="B193" s="2">
        <v>9.121527777777777E-2</v>
      </c>
      <c r="C193">
        <v>12.520799999999999</v>
      </c>
      <c r="D193">
        <v>25.041599999999999</v>
      </c>
    </row>
    <row r="194" spans="1:4" x14ac:dyDescent="0.25">
      <c r="A194" s="1">
        <v>41757</v>
      </c>
      <c r="B194" s="2">
        <v>9.600694444444445E-2</v>
      </c>
      <c r="C194">
        <v>12.587399999999999</v>
      </c>
      <c r="D194">
        <v>25.174799999999998</v>
      </c>
    </row>
    <row r="195" spans="1:4" x14ac:dyDescent="0.25">
      <c r="A195" s="1">
        <v>41757</v>
      </c>
      <c r="B195" s="2">
        <v>0.1009375</v>
      </c>
      <c r="C195">
        <v>12.653999999999998</v>
      </c>
      <c r="D195">
        <v>25.307999999999996</v>
      </c>
    </row>
    <row r="196" spans="1:4" x14ac:dyDescent="0.25">
      <c r="A196" s="1">
        <v>41757</v>
      </c>
      <c r="B196" s="2">
        <v>0.10607638888888889</v>
      </c>
      <c r="C196">
        <v>12.720599999999999</v>
      </c>
      <c r="D196">
        <v>25.441199999999998</v>
      </c>
    </row>
    <row r="197" spans="1:4" x14ac:dyDescent="0.25">
      <c r="A197" s="1">
        <v>41757</v>
      </c>
      <c r="B197" s="2">
        <v>0.11136574074074074</v>
      </c>
      <c r="C197">
        <v>12.787199999999999</v>
      </c>
      <c r="D197">
        <v>25.574399999999997</v>
      </c>
    </row>
    <row r="198" spans="1:4" x14ac:dyDescent="0.25">
      <c r="A198" s="1">
        <v>41757</v>
      </c>
      <c r="B198" s="2">
        <v>0.11686342592592593</v>
      </c>
      <c r="C198">
        <v>12.8538</v>
      </c>
      <c r="D198">
        <v>25.707599999999999</v>
      </c>
    </row>
    <row r="199" spans="1:4" x14ac:dyDescent="0.25">
      <c r="A199" s="1">
        <v>41757</v>
      </c>
      <c r="B199" s="2">
        <v>0.12259259259259259</v>
      </c>
      <c r="C199">
        <v>12.920399999999999</v>
      </c>
      <c r="D199">
        <v>25.840799999999998</v>
      </c>
    </row>
    <row r="200" spans="1:4" x14ac:dyDescent="0.25">
      <c r="A200" s="1">
        <v>41757</v>
      </c>
      <c r="B200" s="2">
        <v>0.12847222222222224</v>
      </c>
      <c r="C200">
        <v>12.986999999999998</v>
      </c>
      <c r="D200">
        <v>25.973999999999997</v>
      </c>
    </row>
    <row r="201" spans="1:4" x14ac:dyDescent="0.25">
      <c r="A201" s="1">
        <v>41757</v>
      </c>
      <c r="B201" s="2">
        <v>0.13458333333333333</v>
      </c>
      <c r="C201">
        <v>13.053599999999999</v>
      </c>
      <c r="D201">
        <v>26.107199999999999</v>
      </c>
    </row>
    <row r="202" spans="1:4" x14ac:dyDescent="0.25">
      <c r="A202" s="1">
        <v>41757</v>
      </c>
      <c r="B202" s="2">
        <v>0.14101851851851852</v>
      </c>
      <c r="C202">
        <v>13.120199999999999</v>
      </c>
      <c r="D202">
        <v>26.240399999999998</v>
      </c>
    </row>
    <row r="203" spans="1:4" x14ac:dyDescent="0.25">
      <c r="A203" s="1">
        <v>41757</v>
      </c>
      <c r="B203" s="2">
        <v>0.14755787037037038</v>
      </c>
      <c r="C203">
        <v>13.1868</v>
      </c>
      <c r="D203">
        <v>26.3736</v>
      </c>
    </row>
    <row r="204" spans="1:4" x14ac:dyDescent="0.25">
      <c r="A204" s="1">
        <v>41757</v>
      </c>
      <c r="B204" s="2">
        <v>0.15445601851851851</v>
      </c>
      <c r="C204">
        <v>13.253399999999999</v>
      </c>
      <c r="D204">
        <v>26.506799999999998</v>
      </c>
    </row>
    <row r="205" spans="1:4" x14ac:dyDescent="0.25">
      <c r="A205" s="1">
        <v>41757</v>
      </c>
      <c r="B205" s="2">
        <v>0.1615277777777778</v>
      </c>
      <c r="C205">
        <v>13.319999999999999</v>
      </c>
      <c r="D205">
        <v>26.639999999999997</v>
      </c>
    </row>
    <row r="206" spans="1:4" x14ac:dyDescent="0.25">
      <c r="A206" s="1">
        <v>41757</v>
      </c>
      <c r="B206" s="2">
        <v>0.16894675925925925</v>
      </c>
      <c r="C206">
        <v>13.386599999999998</v>
      </c>
      <c r="D206">
        <v>26.773199999999996</v>
      </c>
    </row>
    <row r="207" spans="1:4" x14ac:dyDescent="0.25">
      <c r="A207" s="1">
        <v>41757</v>
      </c>
      <c r="B207" s="2">
        <v>0.17685185185185184</v>
      </c>
      <c r="C207">
        <v>13.453199999999999</v>
      </c>
      <c r="D207">
        <v>26.906399999999998</v>
      </c>
    </row>
    <row r="208" spans="1:4" x14ac:dyDescent="0.25">
      <c r="A208" s="1">
        <v>41757</v>
      </c>
      <c r="B208" s="2">
        <v>0.18516203703703704</v>
      </c>
      <c r="C208">
        <v>13.5198</v>
      </c>
      <c r="D208">
        <v>27.0396</v>
      </c>
    </row>
    <row r="209" spans="1:4" x14ac:dyDescent="0.25">
      <c r="A209" s="1">
        <v>41757</v>
      </c>
      <c r="B209" s="2">
        <v>0.19362268518518519</v>
      </c>
      <c r="C209">
        <v>13.586399999999999</v>
      </c>
      <c r="D209">
        <v>27.172799999999999</v>
      </c>
    </row>
    <row r="210" spans="1:4" x14ac:dyDescent="0.25">
      <c r="A210" s="1">
        <v>41757</v>
      </c>
      <c r="B210" s="2">
        <v>0.20252314814814812</v>
      </c>
      <c r="C210">
        <v>13.652999999999999</v>
      </c>
      <c r="D210">
        <v>27.305999999999997</v>
      </c>
    </row>
    <row r="211" spans="1:4" x14ac:dyDescent="0.25">
      <c r="A211" s="1">
        <v>41757</v>
      </c>
      <c r="B211" s="2">
        <v>0.21151620370370372</v>
      </c>
      <c r="C211">
        <v>13.719599999999998</v>
      </c>
      <c r="D211">
        <v>27.439199999999996</v>
      </c>
    </row>
    <row r="212" spans="1:4" x14ac:dyDescent="0.25">
      <c r="A212" s="1">
        <v>41757</v>
      </c>
      <c r="B212" s="2">
        <v>0.22107638888888889</v>
      </c>
      <c r="C212">
        <v>13.786199999999999</v>
      </c>
      <c r="D212">
        <v>27.572399999999998</v>
      </c>
    </row>
    <row r="213" spans="1:4" x14ac:dyDescent="0.25">
      <c r="A213" s="1">
        <v>41757</v>
      </c>
      <c r="B213" s="2">
        <v>0.23072916666666665</v>
      </c>
      <c r="C213">
        <v>13.852799999999998</v>
      </c>
      <c r="D213">
        <v>27.705599999999997</v>
      </c>
    </row>
    <row r="214" spans="1:4" x14ac:dyDescent="0.25">
      <c r="A214" s="1">
        <v>41757</v>
      </c>
      <c r="B214" s="2">
        <v>0.24108796296296298</v>
      </c>
      <c r="C214">
        <v>13.9194</v>
      </c>
      <c r="D214">
        <v>27.838799999999999</v>
      </c>
    </row>
    <row r="215" spans="1:4" x14ac:dyDescent="0.25">
      <c r="A215" s="1">
        <v>41757</v>
      </c>
      <c r="B215" s="2">
        <v>0.25172453703703707</v>
      </c>
      <c r="C215">
        <v>13.985999999999999</v>
      </c>
      <c r="D215">
        <v>27.971999999999998</v>
      </c>
    </row>
    <row r="216" spans="1:4" x14ac:dyDescent="0.25">
      <c r="A216" s="1">
        <v>41757</v>
      </c>
      <c r="B216" s="2">
        <v>0.26302083333333331</v>
      </c>
      <c r="C216">
        <v>14.052599999999998</v>
      </c>
      <c r="D216">
        <v>28.105199999999996</v>
      </c>
    </row>
    <row r="217" spans="1:4" x14ac:dyDescent="0.25">
      <c r="A217" s="1">
        <v>41757</v>
      </c>
      <c r="B217" s="2">
        <v>0.27444444444444444</v>
      </c>
      <c r="C217">
        <v>14.119199999999999</v>
      </c>
      <c r="D217">
        <v>28.238399999999999</v>
      </c>
    </row>
    <row r="218" spans="1:4" x14ac:dyDescent="0.25">
      <c r="A218" s="1">
        <v>41757</v>
      </c>
      <c r="B218" s="2">
        <v>0.28664351851851849</v>
      </c>
      <c r="C218">
        <v>14.185799999999999</v>
      </c>
      <c r="D218">
        <v>28.371599999999997</v>
      </c>
    </row>
    <row r="219" spans="1:4" x14ac:dyDescent="0.25">
      <c r="A219" s="1">
        <v>41757</v>
      </c>
      <c r="B219" s="2">
        <v>0.29895833333333333</v>
      </c>
      <c r="C219">
        <v>14.2524</v>
      </c>
      <c r="D219">
        <v>28.504799999999999</v>
      </c>
    </row>
    <row r="220" spans="1:4" x14ac:dyDescent="0.25">
      <c r="A220" s="1">
        <v>41757</v>
      </c>
      <c r="B220" s="2">
        <v>0.31218750000000001</v>
      </c>
      <c r="C220">
        <v>14.318999999999999</v>
      </c>
      <c r="D220">
        <v>28.637999999999998</v>
      </c>
    </row>
    <row r="221" spans="1:4" x14ac:dyDescent="0.25">
      <c r="A221" s="1">
        <v>41757</v>
      </c>
      <c r="B221" s="2">
        <v>0.32540509259259259</v>
      </c>
      <c r="C221">
        <v>14.385599999999998</v>
      </c>
      <c r="D221">
        <v>28.771199999999997</v>
      </c>
    </row>
    <row r="222" spans="1:4" x14ac:dyDescent="0.25">
      <c r="A222" s="1">
        <v>41757</v>
      </c>
      <c r="B222" s="2">
        <v>0.33959490740740739</v>
      </c>
      <c r="C222">
        <v>14.452199999999999</v>
      </c>
      <c r="D222">
        <v>28.904399999999999</v>
      </c>
    </row>
    <row r="223" spans="1:4" x14ac:dyDescent="0.25">
      <c r="A223" s="1">
        <v>41757</v>
      </c>
      <c r="B223" s="2">
        <v>0.35396990740740741</v>
      </c>
      <c r="C223">
        <v>14.518799999999999</v>
      </c>
      <c r="D223">
        <v>29.037599999999998</v>
      </c>
    </row>
    <row r="224" spans="1:4" x14ac:dyDescent="0.25">
      <c r="A224" s="1">
        <v>41757</v>
      </c>
      <c r="B224" s="2">
        <v>0.36942129629629633</v>
      </c>
      <c r="C224">
        <v>14.5854</v>
      </c>
      <c r="D224">
        <v>29.1708</v>
      </c>
    </row>
    <row r="225" spans="1:4" x14ac:dyDescent="0.25">
      <c r="A225" s="1">
        <v>41757</v>
      </c>
      <c r="B225" s="2">
        <v>0.38503472222222218</v>
      </c>
      <c r="C225">
        <v>14.651999999999997</v>
      </c>
      <c r="D225">
        <v>29.303999999999995</v>
      </c>
    </row>
    <row r="226" spans="1:4" x14ac:dyDescent="0.25">
      <c r="A226" s="1">
        <v>41757</v>
      </c>
      <c r="B226" s="2">
        <v>0.4013194444444444</v>
      </c>
      <c r="C226">
        <v>14.718599999999999</v>
      </c>
      <c r="D226">
        <v>29.437199999999997</v>
      </c>
    </row>
    <row r="227" spans="1:4" x14ac:dyDescent="0.25">
      <c r="A227" s="1">
        <v>41757</v>
      </c>
      <c r="B227" s="2">
        <v>0.41827546296296297</v>
      </c>
      <c r="C227">
        <v>14.7852</v>
      </c>
      <c r="D227">
        <v>29.570399999999999</v>
      </c>
    </row>
    <row r="228" spans="1:4" x14ac:dyDescent="0.25">
      <c r="A228" s="1">
        <v>41757</v>
      </c>
      <c r="B228" s="2">
        <v>0.43605324074074076</v>
      </c>
      <c r="C228">
        <v>14.851799999999999</v>
      </c>
      <c r="D228">
        <v>29.703599999999998</v>
      </c>
    </row>
    <row r="229" spans="1:4" x14ac:dyDescent="0.25">
      <c r="A229" s="1">
        <v>41757</v>
      </c>
      <c r="B229" s="2">
        <v>0.4543402777777778</v>
      </c>
      <c r="C229">
        <v>14.918399999999998</v>
      </c>
      <c r="D229">
        <v>29.836799999999997</v>
      </c>
    </row>
    <row r="230" spans="1:4" x14ac:dyDescent="0.25">
      <c r="A230" s="1">
        <v>41757</v>
      </c>
      <c r="B230" s="2">
        <v>0.47383101851851855</v>
      </c>
      <c r="C230">
        <v>14.984999999999998</v>
      </c>
      <c r="D230">
        <v>29.969999999999995</v>
      </c>
    </row>
    <row r="231" spans="1:4" x14ac:dyDescent="0.25">
      <c r="A231" s="1">
        <v>41757</v>
      </c>
      <c r="B231" s="2">
        <v>0.49357638888888888</v>
      </c>
      <c r="C231">
        <v>15.051599999999999</v>
      </c>
      <c r="D231">
        <v>30.103199999999998</v>
      </c>
    </row>
    <row r="232" spans="1:4" x14ac:dyDescent="0.25">
      <c r="A232" s="1">
        <v>41757</v>
      </c>
      <c r="B232" s="2">
        <v>0.51438657407407407</v>
      </c>
      <c r="C232">
        <v>15.118199999999998</v>
      </c>
      <c r="D232">
        <v>30.236399999999996</v>
      </c>
    </row>
    <row r="233" spans="1:4" x14ac:dyDescent="0.25">
      <c r="A233" s="1">
        <v>41757</v>
      </c>
      <c r="B233" s="2">
        <v>0.53547453703703707</v>
      </c>
      <c r="C233">
        <v>15.184799999999999</v>
      </c>
      <c r="D233">
        <v>30.369599999999998</v>
      </c>
    </row>
    <row r="234" spans="1:4" x14ac:dyDescent="0.25">
      <c r="A234" s="1">
        <v>41757</v>
      </c>
      <c r="B234" s="2">
        <v>0.55783564814814812</v>
      </c>
      <c r="C234">
        <v>15.251399999999999</v>
      </c>
      <c r="D234">
        <v>30.502799999999997</v>
      </c>
    </row>
    <row r="235" spans="1:4" x14ac:dyDescent="0.25">
      <c r="A235" s="1">
        <v>41757</v>
      </c>
      <c r="B235" s="2">
        <v>0.58212962962962966</v>
      </c>
      <c r="C235">
        <v>15.317999999999998</v>
      </c>
      <c r="D235">
        <v>30.635999999999996</v>
      </c>
    </row>
    <row r="236" spans="1:4" x14ac:dyDescent="0.25">
      <c r="A236" s="1">
        <v>41757</v>
      </c>
      <c r="B236" s="2">
        <v>0.60675925925925933</v>
      </c>
      <c r="C236">
        <v>15.384599999999999</v>
      </c>
      <c r="D236">
        <v>30.769199999999998</v>
      </c>
    </row>
    <row r="237" spans="1:4" x14ac:dyDescent="0.25">
      <c r="A237" s="1">
        <v>41757</v>
      </c>
      <c r="B237" s="2">
        <v>0.63017361111111114</v>
      </c>
      <c r="C237">
        <v>15.451199999999998</v>
      </c>
      <c r="D237">
        <v>30.902399999999997</v>
      </c>
    </row>
    <row r="238" spans="1:4" x14ac:dyDescent="0.25">
      <c r="A238" s="1">
        <v>41757</v>
      </c>
      <c r="B238" s="2">
        <v>0.65361111111111114</v>
      </c>
      <c r="C238">
        <v>15.517799999999999</v>
      </c>
      <c r="D238">
        <v>31.035599999999999</v>
      </c>
    </row>
    <row r="239" spans="1:4" x14ac:dyDescent="0.25">
      <c r="A239" s="1">
        <v>41757</v>
      </c>
      <c r="B239" s="2">
        <v>0.67671296296296291</v>
      </c>
      <c r="C239">
        <v>15.584399999999999</v>
      </c>
      <c r="D239">
        <v>31.168799999999997</v>
      </c>
    </row>
    <row r="240" spans="1:4" x14ac:dyDescent="0.25">
      <c r="A240" s="1">
        <v>41757</v>
      </c>
      <c r="B240" s="2">
        <v>0.69935185185185189</v>
      </c>
      <c r="C240">
        <v>15.650999999999998</v>
      </c>
      <c r="D240">
        <v>31.301999999999996</v>
      </c>
    </row>
    <row r="241" spans="1:4" x14ac:dyDescent="0.25">
      <c r="A241" s="1">
        <v>41757</v>
      </c>
      <c r="B241" s="2">
        <v>0.72170138888888891</v>
      </c>
      <c r="C241">
        <v>15.717599999999999</v>
      </c>
      <c r="D241">
        <v>31.435199999999998</v>
      </c>
    </row>
    <row r="242" spans="1:4" x14ac:dyDescent="0.25">
      <c r="A242" s="1">
        <v>41757</v>
      </c>
      <c r="B242" s="2">
        <v>0.7452199074074074</v>
      </c>
      <c r="C242">
        <v>15.784199999999998</v>
      </c>
      <c r="D242">
        <v>31.568399999999997</v>
      </c>
    </row>
    <row r="243" spans="1:4" x14ac:dyDescent="0.25">
      <c r="A243" s="1">
        <v>41757</v>
      </c>
      <c r="B243" s="2">
        <v>0.76908564814814817</v>
      </c>
      <c r="C243">
        <v>15.8508</v>
      </c>
      <c r="D243">
        <v>31.701599999999999</v>
      </c>
    </row>
    <row r="244" spans="1:4" x14ac:dyDescent="0.25">
      <c r="A244" s="1">
        <v>41757</v>
      </c>
      <c r="B244" s="2">
        <v>0.79415509259259265</v>
      </c>
      <c r="C244">
        <v>15.917399999999997</v>
      </c>
      <c r="D244">
        <v>31.834799999999994</v>
      </c>
    </row>
    <row r="245" spans="1:4" x14ac:dyDescent="0.25">
      <c r="A245" s="1">
        <v>41757</v>
      </c>
      <c r="B245" s="2">
        <v>0.81868055555555552</v>
      </c>
      <c r="C245">
        <v>15.983999999999998</v>
      </c>
      <c r="D245">
        <v>31.967999999999996</v>
      </c>
    </row>
    <row r="246" spans="1:4" x14ac:dyDescent="0.25">
      <c r="A246" s="1">
        <v>41757</v>
      </c>
      <c r="B246" s="2">
        <v>0.84437499999999999</v>
      </c>
      <c r="C246">
        <v>16.050599999999999</v>
      </c>
      <c r="D246">
        <v>32.101199999999999</v>
      </c>
    </row>
    <row r="247" spans="1:4" x14ac:dyDescent="0.25">
      <c r="A247" s="1">
        <v>41757</v>
      </c>
      <c r="B247" s="2">
        <v>0.87035879629629631</v>
      </c>
      <c r="C247">
        <v>16.1172</v>
      </c>
      <c r="D247">
        <v>32.234400000000001</v>
      </c>
    </row>
    <row r="248" spans="1:4" x14ac:dyDescent="0.25">
      <c r="A248" s="1">
        <v>41757</v>
      </c>
      <c r="B248" s="2">
        <v>0.89728009259259256</v>
      </c>
      <c r="C248">
        <v>16.183799999999998</v>
      </c>
      <c r="D248">
        <v>32.367599999999996</v>
      </c>
    </row>
    <row r="249" spans="1:4" x14ac:dyDescent="0.25">
      <c r="A249" s="1">
        <v>41757</v>
      </c>
      <c r="B249" s="2">
        <v>0.92350694444444448</v>
      </c>
      <c r="C249">
        <v>16.250399999999999</v>
      </c>
      <c r="D249">
        <v>32.500799999999998</v>
      </c>
    </row>
    <row r="250" spans="1:4" x14ac:dyDescent="0.25">
      <c r="A250" s="1">
        <v>41757</v>
      </c>
      <c r="B250" s="2">
        <v>0.94792824074074078</v>
      </c>
      <c r="C250">
        <v>16.316999999999997</v>
      </c>
      <c r="D250">
        <v>32.633999999999993</v>
      </c>
    </row>
    <row r="251" spans="1:4" x14ac:dyDescent="0.25">
      <c r="A251" s="1">
        <v>41757</v>
      </c>
      <c r="B251" s="2">
        <v>0.9731481481481481</v>
      </c>
      <c r="C251">
        <v>16.383599999999998</v>
      </c>
      <c r="D251">
        <v>32.767199999999995</v>
      </c>
    </row>
    <row r="252" spans="1:4" x14ac:dyDescent="0.25">
      <c r="A252" s="1">
        <v>41758</v>
      </c>
      <c r="B252" s="2">
        <v>1.25E-3</v>
      </c>
      <c r="C252">
        <v>16.450199999999999</v>
      </c>
      <c r="D252">
        <v>32.900399999999998</v>
      </c>
    </row>
    <row r="253" spans="1:4" x14ac:dyDescent="0.25">
      <c r="A253" s="1">
        <v>41758</v>
      </c>
      <c r="B253" s="2">
        <v>2.9675925925925925E-2</v>
      </c>
      <c r="C253">
        <v>16.5168</v>
      </c>
      <c r="D253">
        <v>33.0336</v>
      </c>
    </row>
    <row r="254" spans="1:4" x14ac:dyDescent="0.25">
      <c r="A254" s="1">
        <v>41758</v>
      </c>
      <c r="B254" s="2">
        <v>5.9884259259259255E-2</v>
      </c>
      <c r="C254">
        <v>16.583399999999997</v>
      </c>
      <c r="D254">
        <v>33.166799999999995</v>
      </c>
    </row>
    <row r="255" spans="1:4" x14ac:dyDescent="0.25">
      <c r="A255" s="1">
        <v>41758</v>
      </c>
      <c r="B255" s="2">
        <v>8.9872685185185194E-2</v>
      </c>
      <c r="C255">
        <v>16.649999999999999</v>
      </c>
      <c r="D255">
        <v>33.299999999999997</v>
      </c>
    </row>
    <row r="256" spans="1:4" x14ac:dyDescent="0.25">
      <c r="A256" s="1">
        <v>41758</v>
      </c>
      <c r="B256" s="2">
        <v>0.12148148148148148</v>
      </c>
      <c r="C256">
        <v>16.7166</v>
      </c>
      <c r="D256">
        <v>33.433199999999999</v>
      </c>
    </row>
    <row r="257" spans="1:4" x14ac:dyDescent="0.25">
      <c r="A257" s="1">
        <v>41758</v>
      </c>
      <c r="B257" s="2">
        <v>0.15280092592592592</v>
      </c>
      <c r="C257">
        <v>16.783199999999997</v>
      </c>
      <c r="D257">
        <v>33.566399999999994</v>
      </c>
    </row>
    <row r="258" spans="1:4" x14ac:dyDescent="0.25">
      <c r="A258" s="1">
        <v>41758</v>
      </c>
      <c r="B258" s="2">
        <v>0.18107638888888888</v>
      </c>
      <c r="C258">
        <v>16.849799999999998</v>
      </c>
      <c r="D258">
        <v>33.699599999999997</v>
      </c>
    </row>
    <row r="259" spans="1:4" x14ac:dyDescent="0.25">
      <c r="A259" s="1">
        <v>41758</v>
      </c>
      <c r="B259" s="2">
        <v>0.20016203703703703</v>
      </c>
      <c r="C259">
        <v>16.916399999999999</v>
      </c>
      <c r="D259">
        <v>33.832799999999999</v>
      </c>
    </row>
    <row r="260" spans="1:4" x14ac:dyDescent="0.25">
      <c r="A260" s="1">
        <v>41758</v>
      </c>
      <c r="B260" s="2">
        <v>0.21451388888888889</v>
      </c>
      <c r="C260">
        <v>16.983000000000001</v>
      </c>
      <c r="D260">
        <v>33.966000000000001</v>
      </c>
    </row>
    <row r="261" spans="1:4" x14ac:dyDescent="0.25">
      <c r="A261" s="1">
        <v>41758</v>
      </c>
      <c r="B261" s="2">
        <v>0.22624999999999998</v>
      </c>
      <c r="C261">
        <v>17.049599999999998</v>
      </c>
      <c r="D261">
        <v>34.099199999999996</v>
      </c>
    </row>
    <row r="262" spans="1:4" x14ac:dyDescent="0.25">
      <c r="A262" s="1">
        <v>41758</v>
      </c>
      <c r="B262" s="2">
        <v>0.23686342592592591</v>
      </c>
      <c r="C262">
        <v>17.116199999999996</v>
      </c>
      <c r="D262">
        <v>34.232399999999991</v>
      </c>
    </row>
    <row r="263" spans="1:4" x14ac:dyDescent="0.25">
      <c r="A263" s="1">
        <v>41758</v>
      </c>
      <c r="B263" s="2">
        <v>0.24682870370370369</v>
      </c>
      <c r="C263">
        <v>17.1828</v>
      </c>
      <c r="D263">
        <v>34.365600000000001</v>
      </c>
    </row>
    <row r="264" spans="1:4" x14ac:dyDescent="0.25">
      <c r="A264" s="1">
        <v>41758</v>
      </c>
      <c r="B264" s="2">
        <v>0.25631944444444443</v>
      </c>
      <c r="C264">
        <v>17.249399999999998</v>
      </c>
      <c r="D264">
        <v>34.498799999999996</v>
      </c>
    </row>
    <row r="265" spans="1:4" x14ac:dyDescent="0.25">
      <c r="A265" s="1">
        <v>41758</v>
      </c>
      <c r="B265" s="2">
        <v>0.26581018518518518</v>
      </c>
      <c r="C265">
        <v>17.315999999999999</v>
      </c>
      <c r="D265">
        <v>34.631999999999998</v>
      </c>
    </row>
    <row r="266" spans="1:4" x14ac:dyDescent="0.25">
      <c r="A266" s="1">
        <v>41758</v>
      </c>
      <c r="B266" s="2">
        <v>0.27539351851851851</v>
      </c>
      <c r="C266">
        <v>17.3826</v>
      </c>
      <c r="D266">
        <v>34.7652</v>
      </c>
    </row>
    <row r="267" spans="1:4" x14ac:dyDescent="0.25">
      <c r="A267" s="1">
        <v>41758</v>
      </c>
      <c r="B267" s="2">
        <v>0.2850462962962963</v>
      </c>
      <c r="C267">
        <v>17.449199999999998</v>
      </c>
      <c r="D267">
        <v>34.898399999999995</v>
      </c>
    </row>
    <row r="268" spans="1:4" x14ac:dyDescent="0.25">
      <c r="A268" s="1">
        <v>41758</v>
      </c>
      <c r="B268" s="2">
        <v>0.29488425925925926</v>
      </c>
      <c r="C268">
        <v>17.515799999999999</v>
      </c>
      <c r="D268">
        <v>35.031599999999997</v>
      </c>
    </row>
    <row r="269" spans="1:4" x14ac:dyDescent="0.25">
      <c r="A269" s="1">
        <v>41758</v>
      </c>
      <c r="B269" s="2">
        <v>0.30478009259259259</v>
      </c>
      <c r="C269">
        <v>17.582399999999996</v>
      </c>
      <c r="D269">
        <v>35.164799999999993</v>
      </c>
    </row>
    <row r="270" spans="1:4" x14ac:dyDescent="0.25">
      <c r="A270" s="1">
        <v>41758</v>
      </c>
      <c r="B270" s="2">
        <v>0.31495370370370374</v>
      </c>
      <c r="C270">
        <v>17.649000000000001</v>
      </c>
      <c r="D270">
        <v>35.298000000000002</v>
      </c>
    </row>
    <row r="271" spans="1:4" x14ac:dyDescent="0.25">
      <c r="A271" s="1">
        <v>41758</v>
      </c>
      <c r="B271" s="2">
        <v>0.32525462962962964</v>
      </c>
      <c r="C271">
        <v>17.715599999999998</v>
      </c>
      <c r="D271">
        <v>35.431199999999997</v>
      </c>
    </row>
    <row r="272" spans="1:4" x14ac:dyDescent="0.25">
      <c r="A272" s="1">
        <v>41758</v>
      </c>
      <c r="B272" s="2">
        <v>0.33611111111111108</v>
      </c>
      <c r="C272">
        <v>17.782199999999996</v>
      </c>
      <c r="D272">
        <v>35.564399999999992</v>
      </c>
    </row>
    <row r="273" spans="1:4" x14ac:dyDescent="0.25">
      <c r="A273" s="1">
        <v>41758</v>
      </c>
      <c r="B273" s="2">
        <v>0.34703703703703703</v>
      </c>
      <c r="C273">
        <v>17.848800000000001</v>
      </c>
      <c r="D273">
        <v>35.697600000000001</v>
      </c>
    </row>
    <row r="274" spans="1:4" x14ac:dyDescent="0.25">
      <c r="A274" s="1">
        <v>41758</v>
      </c>
      <c r="B274" s="2">
        <v>0.35835648148148147</v>
      </c>
      <c r="C274">
        <v>17.915399999999998</v>
      </c>
      <c r="D274">
        <v>35.830799999999996</v>
      </c>
    </row>
    <row r="275" spans="1:4" x14ac:dyDescent="0.25">
      <c r="A275" s="1">
        <v>41758</v>
      </c>
      <c r="B275" s="2">
        <v>0.3699305555555556</v>
      </c>
      <c r="C275">
        <v>17.981999999999999</v>
      </c>
      <c r="D275">
        <v>35.963999999999999</v>
      </c>
    </row>
    <row r="276" spans="1:4" x14ac:dyDescent="0.25">
      <c r="A276" s="1">
        <v>41758</v>
      </c>
      <c r="B276" s="2">
        <v>0.38214120370370369</v>
      </c>
      <c r="C276">
        <v>18.048599999999997</v>
      </c>
      <c r="D276">
        <v>36.097199999999994</v>
      </c>
    </row>
    <row r="277" spans="1:4" x14ac:dyDescent="0.25">
      <c r="A277" s="1">
        <v>41758</v>
      </c>
      <c r="B277" s="2">
        <v>0.39452546296296293</v>
      </c>
      <c r="C277">
        <v>18.115199999999998</v>
      </c>
      <c r="D277">
        <v>36.230399999999996</v>
      </c>
    </row>
    <row r="278" spans="1:4" x14ac:dyDescent="0.25">
      <c r="A278" s="1">
        <v>41758</v>
      </c>
      <c r="B278" s="2">
        <v>0.40748842592592593</v>
      </c>
      <c r="C278">
        <v>18.181799999999999</v>
      </c>
      <c r="D278">
        <v>36.363599999999998</v>
      </c>
    </row>
    <row r="279" spans="1:4" x14ac:dyDescent="0.25">
      <c r="A279" s="1">
        <v>41758</v>
      </c>
      <c r="B279" s="2">
        <v>0.42090277777777779</v>
      </c>
      <c r="C279">
        <v>18.248399999999997</v>
      </c>
      <c r="D279">
        <v>36.496799999999993</v>
      </c>
    </row>
    <row r="280" spans="1:4" x14ac:dyDescent="0.25">
      <c r="A280" s="1">
        <v>41758</v>
      </c>
      <c r="B280" s="2">
        <v>0.43506944444444445</v>
      </c>
      <c r="C280">
        <v>18.315000000000001</v>
      </c>
      <c r="D280">
        <v>36.630000000000003</v>
      </c>
    </row>
    <row r="281" spans="1:4" x14ac:dyDescent="0.25">
      <c r="A281" s="1">
        <v>41758</v>
      </c>
      <c r="B281" s="2">
        <v>0.4496412037037037</v>
      </c>
      <c r="C281">
        <v>18.381599999999999</v>
      </c>
      <c r="D281">
        <v>36.763199999999998</v>
      </c>
    </row>
    <row r="282" spans="1:4" x14ac:dyDescent="0.25">
      <c r="A282" s="1">
        <v>41758</v>
      </c>
      <c r="B282" s="2">
        <v>0.46474537037037034</v>
      </c>
      <c r="C282">
        <v>18.448199999999996</v>
      </c>
      <c r="D282">
        <v>36.896399999999993</v>
      </c>
    </row>
    <row r="283" spans="1:4" x14ac:dyDescent="0.25">
      <c r="A283" s="1">
        <v>41758</v>
      </c>
      <c r="B283" s="2">
        <v>0.48038194444444443</v>
      </c>
      <c r="C283">
        <v>18.514800000000001</v>
      </c>
      <c r="D283">
        <v>37.029600000000002</v>
      </c>
    </row>
    <row r="284" spans="1:4" x14ac:dyDescent="0.25">
      <c r="A284" s="1">
        <v>41758</v>
      </c>
      <c r="B284" s="2">
        <v>0.49658564814814815</v>
      </c>
      <c r="C284">
        <v>18.581399999999999</v>
      </c>
      <c r="D284">
        <v>37.162799999999997</v>
      </c>
    </row>
    <row r="285" spans="1:4" x14ac:dyDescent="0.25">
      <c r="A285" s="1">
        <v>41758</v>
      </c>
      <c r="B285" s="2">
        <v>0.51334490740740735</v>
      </c>
      <c r="C285">
        <v>18.648</v>
      </c>
      <c r="D285">
        <v>37.295999999999999</v>
      </c>
    </row>
    <row r="286" spans="1:4" x14ac:dyDescent="0.25">
      <c r="A286" s="1">
        <v>41758</v>
      </c>
      <c r="B286" s="2">
        <v>0.53054398148148152</v>
      </c>
      <c r="C286">
        <v>18.714599999999997</v>
      </c>
      <c r="D286">
        <v>37.429199999999994</v>
      </c>
    </row>
    <row r="287" spans="1:4" x14ac:dyDescent="0.25">
      <c r="A287" s="1">
        <v>41758</v>
      </c>
      <c r="B287" s="2">
        <v>0.54851851851851852</v>
      </c>
      <c r="C287">
        <v>18.781199999999998</v>
      </c>
      <c r="D287">
        <v>37.562399999999997</v>
      </c>
    </row>
    <row r="288" spans="1:4" x14ac:dyDescent="0.25">
      <c r="A288" s="1">
        <v>41758</v>
      </c>
      <c r="B288" s="2">
        <v>0.56724537037037037</v>
      </c>
      <c r="C288">
        <v>18.847799999999999</v>
      </c>
      <c r="D288">
        <v>37.695599999999999</v>
      </c>
    </row>
    <row r="289" spans="1:4" x14ac:dyDescent="0.25">
      <c r="A289" s="1">
        <v>41758</v>
      </c>
      <c r="B289" s="2">
        <v>0.58706018518518521</v>
      </c>
      <c r="C289">
        <v>18.914399999999997</v>
      </c>
      <c r="D289">
        <v>37.828799999999994</v>
      </c>
    </row>
    <row r="290" spans="1:4" x14ac:dyDescent="0.25">
      <c r="A290" s="1">
        <v>41758</v>
      </c>
      <c r="B290" s="2">
        <v>0.60755787037037035</v>
      </c>
      <c r="C290">
        <v>18.981000000000002</v>
      </c>
      <c r="D290">
        <v>37.962000000000003</v>
      </c>
    </row>
    <row r="291" spans="1:4" x14ac:dyDescent="0.25">
      <c r="A291" s="1">
        <v>41758</v>
      </c>
      <c r="B291" s="2">
        <v>0.62872685185185184</v>
      </c>
      <c r="C291">
        <v>19.047599999999999</v>
      </c>
      <c r="D291">
        <v>38.095199999999998</v>
      </c>
    </row>
    <row r="292" spans="1:4" x14ac:dyDescent="0.25">
      <c r="A292" s="1">
        <v>41758</v>
      </c>
      <c r="B292" s="2">
        <v>0.65156249999999993</v>
      </c>
      <c r="C292">
        <v>19.114199999999997</v>
      </c>
      <c r="D292">
        <v>38.228399999999993</v>
      </c>
    </row>
    <row r="293" spans="1:4" x14ac:dyDescent="0.25">
      <c r="A293" s="1">
        <v>41758</v>
      </c>
      <c r="B293" s="2">
        <v>0.67481481481481476</v>
      </c>
      <c r="C293">
        <v>19.180799999999998</v>
      </c>
      <c r="D293">
        <v>38.361599999999996</v>
      </c>
    </row>
    <row r="294" spans="1:4" x14ac:dyDescent="0.25">
      <c r="A294" s="1">
        <v>41758</v>
      </c>
      <c r="B294" s="2">
        <v>0.69929398148148147</v>
      </c>
      <c r="C294">
        <v>19.247399999999999</v>
      </c>
      <c r="D294">
        <v>38.494799999999998</v>
      </c>
    </row>
    <row r="295" spans="1:4" x14ac:dyDescent="0.25">
      <c r="A295" s="1">
        <v>41758</v>
      </c>
      <c r="B295" s="2">
        <v>0.72460648148148143</v>
      </c>
      <c r="C295">
        <v>19.314</v>
      </c>
      <c r="D295">
        <v>38.628</v>
      </c>
    </row>
    <row r="296" spans="1:4" x14ac:dyDescent="0.25">
      <c r="A296" s="1">
        <v>41758</v>
      </c>
      <c r="B296" s="2">
        <v>0.7515856481481481</v>
      </c>
      <c r="C296">
        <v>19.380599999999998</v>
      </c>
      <c r="D296">
        <v>38.761199999999995</v>
      </c>
    </row>
    <row r="297" spans="1:4" x14ac:dyDescent="0.25">
      <c r="A297" s="1">
        <v>41758</v>
      </c>
      <c r="B297" s="2">
        <v>0.77930555555555558</v>
      </c>
      <c r="C297">
        <v>19.447199999999999</v>
      </c>
      <c r="D297">
        <v>38.894399999999997</v>
      </c>
    </row>
    <row r="298" spans="1:4" x14ac:dyDescent="0.25">
      <c r="A298" s="1">
        <v>41758</v>
      </c>
      <c r="B298" s="2">
        <v>0.80841435185185195</v>
      </c>
      <c r="C298">
        <v>19.5138</v>
      </c>
      <c r="D298">
        <v>39.0276</v>
      </c>
    </row>
    <row r="299" spans="1:4" x14ac:dyDescent="0.25">
      <c r="A299" s="1">
        <v>41758</v>
      </c>
      <c r="B299" s="2">
        <v>0.83853009259259259</v>
      </c>
      <c r="C299">
        <v>19.580399999999997</v>
      </c>
      <c r="D299">
        <v>39.160799999999995</v>
      </c>
    </row>
    <row r="300" spans="1:4" x14ac:dyDescent="0.25">
      <c r="A300" s="1">
        <v>41758</v>
      </c>
      <c r="B300" s="2">
        <v>0.87033564814814823</v>
      </c>
      <c r="C300">
        <v>19.646999999999998</v>
      </c>
      <c r="D300">
        <v>39.293999999999997</v>
      </c>
    </row>
    <row r="301" spans="1:4" x14ac:dyDescent="0.25">
      <c r="A301" s="1">
        <v>41758</v>
      </c>
      <c r="B301" s="2">
        <v>0.90290509259259266</v>
      </c>
      <c r="C301">
        <v>19.7136</v>
      </c>
      <c r="D301">
        <v>39.427199999999999</v>
      </c>
    </row>
    <row r="302" spans="1:4" x14ac:dyDescent="0.25">
      <c r="A302" s="1">
        <v>41758</v>
      </c>
      <c r="B302" s="2">
        <v>0.93721064814814825</v>
      </c>
      <c r="C302">
        <v>19.780199999999997</v>
      </c>
      <c r="D302">
        <v>39.560399999999994</v>
      </c>
    </row>
    <row r="303" spans="1:4" x14ac:dyDescent="0.25">
      <c r="A303" s="1">
        <v>41758</v>
      </c>
      <c r="B303" s="2">
        <v>0.97288194444444442</v>
      </c>
      <c r="C303">
        <v>19.846799999999998</v>
      </c>
      <c r="D303">
        <v>39.693599999999996</v>
      </c>
    </row>
    <row r="304" spans="1:4" x14ac:dyDescent="0.25">
      <c r="A304" s="1">
        <v>41759</v>
      </c>
      <c r="B304" s="2">
        <v>1.0833333333333334E-2</v>
      </c>
      <c r="C304">
        <v>19.913399999999999</v>
      </c>
      <c r="D304">
        <v>39.826799999999999</v>
      </c>
    </row>
    <row r="305" spans="1:4" x14ac:dyDescent="0.25">
      <c r="A305" s="1">
        <v>41759</v>
      </c>
      <c r="B305" s="2">
        <v>4.9421296296296297E-2</v>
      </c>
      <c r="C305">
        <v>19.98</v>
      </c>
      <c r="D305">
        <v>39.96</v>
      </c>
    </row>
    <row r="306" spans="1:4" x14ac:dyDescent="0.25">
      <c r="A306" s="1">
        <v>41759</v>
      </c>
      <c r="B306" s="2">
        <v>8.9826388888888886E-2</v>
      </c>
      <c r="C306">
        <v>20.046599999999998</v>
      </c>
      <c r="D306">
        <v>40.093199999999996</v>
      </c>
    </row>
    <row r="307" spans="1:4" x14ac:dyDescent="0.25">
      <c r="A307" s="1">
        <v>41759</v>
      </c>
      <c r="B307" s="2">
        <v>0.13096064814814815</v>
      </c>
      <c r="C307">
        <v>20.113199999999996</v>
      </c>
      <c r="D307">
        <v>40.226399999999991</v>
      </c>
    </row>
    <row r="308" spans="1:4" x14ac:dyDescent="0.25">
      <c r="A308" s="1">
        <v>41759</v>
      </c>
      <c r="B308" s="2">
        <v>0.17395833333333333</v>
      </c>
      <c r="C308">
        <v>20.1798</v>
      </c>
      <c r="D308">
        <v>40.3596</v>
      </c>
    </row>
    <row r="309" spans="1:4" x14ac:dyDescent="0.25">
      <c r="A309" s="1">
        <v>41759</v>
      </c>
      <c r="B309" s="2">
        <v>0.21766203703703704</v>
      </c>
      <c r="C309">
        <v>20.246399999999998</v>
      </c>
      <c r="D309">
        <v>40.492799999999995</v>
      </c>
    </row>
    <row r="310" spans="1:4" x14ac:dyDescent="0.25">
      <c r="A310" s="1">
        <v>41759</v>
      </c>
      <c r="B310" s="2">
        <v>0.26321759259259259</v>
      </c>
      <c r="C310">
        <v>20.312999999999999</v>
      </c>
      <c r="D310">
        <v>40.625999999999998</v>
      </c>
    </row>
    <row r="311" spans="1:4" x14ac:dyDescent="0.25">
      <c r="A311" s="1">
        <v>41759</v>
      </c>
      <c r="B311" s="2">
        <v>0.30982638888888886</v>
      </c>
      <c r="C311">
        <v>20.3796</v>
      </c>
      <c r="D311">
        <v>40.7592</v>
      </c>
    </row>
    <row r="312" spans="1:4" x14ac:dyDescent="0.25">
      <c r="A312" s="1">
        <v>41759</v>
      </c>
      <c r="B312" s="2">
        <v>0.35848379629629629</v>
      </c>
      <c r="C312">
        <v>20.446199999999997</v>
      </c>
      <c r="D312">
        <v>40.892399999999995</v>
      </c>
    </row>
    <row r="313" spans="1:4" x14ac:dyDescent="0.25">
      <c r="A313" s="1">
        <v>41759</v>
      </c>
      <c r="B313" s="2">
        <v>0.40725694444444444</v>
      </c>
      <c r="C313">
        <v>20.512799999999999</v>
      </c>
      <c r="D313">
        <v>41.025599999999997</v>
      </c>
    </row>
    <row r="314" spans="1:4" x14ac:dyDescent="0.25">
      <c r="A314" s="1">
        <v>41759</v>
      </c>
      <c r="B314" s="2">
        <v>0.45774305555555556</v>
      </c>
      <c r="C314">
        <v>20.579399999999996</v>
      </c>
      <c r="D314">
        <v>41.158799999999992</v>
      </c>
    </row>
    <row r="315" spans="1:4" x14ac:dyDescent="0.25">
      <c r="A315" s="1">
        <v>41759</v>
      </c>
      <c r="B315" s="2">
        <v>0.50947916666666659</v>
      </c>
      <c r="C315">
        <v>20.646000000000001</v>
      </c>
      <c r="D315">
        <v>41.292000000000002</v>
      </c>
    </row>
    <row r="316" spans="1:4" x14ac:dyDescent="0.25">
      <c r="A316" s="1">
        <v>41759</v>
      </c>
      <c r="B316" s="2">
        <v>0.56353009259259257</v>
      </c>
      <c r="C316">
        <v>20.712599999999998</v>
      </c>
      <c r="D316">
        <v>41.425199999999997</v>
      </c>
    </row>
    <row r="317" spans="1:4" x14ac:dyDescent="0.25">
      <c r="A317" s="1">
        <v>41759</v>
      </c>
      <c r="B317" s="2">
        <v>0.62133101851851846</v>
      </c>
      <c r="C317">
        <v>20.779199999999996</v>
      </c>
      <c r="D317">
        <v>41.558399999999992</v>
      </c>
    </row>
    <row r="318" spans="1:4" x14ac:dyDescent="0.25">
      <c r="A318" s="1">
        <v>41759</v>
      </c>
      <c r="B318" s="2">
        <v>0.68084490740740744</v>
      </c>
      <c r="C318">
        <v>20.845800000000001</v>
      </c>
      <c r="D318">
        <v>41.691600000000001</v>
      </c>
    </row>
    <row r="319" spans="1:4" x14ac:dyDescent="0.25">
      <c r="A319" s="1">
        <v>41759</v>
      </c>
      <c r="B319" s="2">
        <v>0.74283564814814806</v>
      </c>
      <c r="C319">
        <v>20.912399999999998</v>
      </c>
      <c r="D319">
        <v>41.824799999999996</v>
      </c>
    </row>
    <row r="320" spans="1:4" x14ac:dyDescent="0.25">
      <c r="A320" s="1">
        <v>41759</v>
      </c>
      <c r="B320" s="2">
        <v>0.80701388888888881</v>
      </c>
      <c r="C320">
        <v>20.978999999999999</v>
      </c>
      <c r="D320">
        <v>41.957999999999998</v>
      </c>
    </row>
    <row r="321" spans="1:4" x14ac:dyDescent="0.25">
      <c r="A321" s="1">
        <v>41759</v>
      </c>
      <c r="B321" s="2">
        <v>0.87157407407407417</v>
      </c>
      <c r="C321">
        <v>21.0456</v>
      </c>
      <c r="D321">
        <v>42.091200000000001</v>
      </c>
    </row>
    <row r="322" spans="1:4" x14ac:dyDescent="0.25">
      <c r="A322" s="1">
        <v>41759</v>
      </c>
      <c r="B322" s="2">
        <v>0.94078703703703714</v>
      </c>
      <c r="C322">
        <v>21.112199999999998</v>
      </c>
      <c r="D322">
        <v>42.224399999999996</v>
      </c>
    </row>
    <row r="323" spans="1:4" x14ac:dyDescent="0.25">
      <c r="A323" s="1">
        <v>41760</v>
      </c>
      <c r="B323" s="2">
        <v>1.3206018518518518E-2</v>
      </c>
      <c r="C323">
        <v>21.178799999999999</v>
      </c>
      <c r="D323">
        <v>42.357599999999998</v>
      </c>
    </row>
    <row r="324" spans="1:4" x14ac:dyDescent="0.25">
      <c r="A324" s="1">
        <v>41760</v>
      </c>
      <c r="B324" s="2">
        <v>8.6805555555555566E-2</v>
      </c>
      <c r="C324">
        <v>21.245399999999997</v>
      </c>
      <c r="D324">
        <v>42.490799999999993</v>
      </c>
    </row>
    <row r="325" spans="1:4" x14ac:dyDescent="0.25">
      <c r="A325" s="1">
        <v>41760</v>
      </c>
      <c r="B325" s="2">
        <v>0.15937500000000002</v>
      </c>
      <c r="C325">
        <v>21.312000000000001</v>
      </c>
      <c r="D325">
        <v>42.624000000000002</v>
      </c>
    </row>
    <row r="326" spans="1:4" x14ac:dyDescent="0.25">
      <c r="A326" s="1">
        <v>41760</v>
      </c>
      <c r="B326" s="2">
        <v>0.2366898148148148</v>
      </c>
      <c r="C326">
        <v>21.378599999999999</v>
      </c>
      <c r="D326">
        <v>42.757199999999997</v>
      </c>
    </row>
    <row r="327" spans="1:4" x14ac:dyDescent="0.25">
      <c r="A327" s="1">
        <v>41760</v>
      </c>
      <c r="B327" s="2">
        <v>0.31552083333333331</v>
      </c>
      <c r="C327">
        <v>21.445199999999996</v>
      </c>
      <c r="D327">
        <v>42.890399999999993</v>
      </c>
    </row>
    <row r="328" spans="1:4" x14ac:dyDescent="0.25">
      <c r="A328" s="1">
        <v>41760</v>
      </c>
      <c r="B328" s="2">
        <v>0.39718750000000003</v>
      </c>
      <c r="C328">
        <v>21.511800000000001</v>
      </c>
      <c r="D328">
        <v>43.023600000000002</v>
      </c>
    </row>
    <row r="329" spans="1:4" x14ac:dyDescent="0.25">
      <c r="A329" s="1">
        <v>41760</v>
      </c>
      <c r="B329" s="2">
        <v>0.47972222222222222</v>
      </c>
      <c r="C329">
        <v>21.578399999999998</v>
      </c>
      <c r="D329">
        <v>43.156799999999997</v>
      </c>
    </row>
    <row r="330" spans="1:4" x14ac:dyDescent="0.25">
      <c r="A330" s="1">
        <v>41760</v>
      </c>
      <c r="B330" s="2">
        <v>0.56842592592592589</v>
      </c>
      <c r="C330">
        <v>21.644999999999996</v>
      </c>
      <c r="D330">
        <v>43.289999999999992</v>
      </c>
    </row>
    <row r="331" spans="1:4" x14ac:dyDescent="0.25">
      <c r="A331" s="1">
        <v>41760</v>
      </c>
      <c r="B331" s="2">
        <v>0.66340277777777779</v>
      </c>
      <c r="C331">
        <v>21.711599999999997</v>
      </c>
      <c r="D331">
        <v>43.423199999999994</v>
      </c>
    </row>
    <row r="332" spans="1:4" x14ac:dyDescent="0.25">
      <c r="A332" s="1">
        <v>41760</v>
      </c>
      <c r="B332" s="2">
        <v>0.76177083333333329</v>
      </c>
      <c r="C332">
        <v>21.778199999999998</v>
      </c>
      <c r="D332">
        <v>43.556399999999996</v>
      </c>
    </row>
    <row r="333" spans="1:4" x14ac:dyDescent="0.25">
      <c r="A333" s="1">
        <v>41760</v>
      </c>
      <c r="B333" s="2">
        <v>0.86577546296296293</v>
      </c>
      <c r="C333">
        <v>21.844799999999999</v>
      </c>
      <c r="D333">
        <v>43.689599999999999</v>
      </c>
    </row>
    <row r="334" spans="1:4" x14ac:dyDescent="0.25">
      <c r="A334" s="1">
        <v>41760</v>
      </c>
      <c r="B334" s="2">
        <v>0.97832175925925924</v>
      </c>
      <c r="C334">
        <v>21.911399999999997</v>
      </c>
      <c r="D334">
        <v>43.822799999999994</v>
      </c>
    </row>
    <row r="335" spans="1:4" x14ac:dyDescent="0.25">
      <c r="A335" s="1">
        <v>41761</v>
      </c>
      <c r="B335" s="2">
        <v>9.1851851851851851E-2</v>
      </c>
      <c r="C335">
        <v>21.977999999999998</v>
      </c>
      <c r="D335">
        <v>43.955999999999996</v>
      </c>
    </row>
    <row r="336" spans="1:4" x14ac:dyDescent="0.25">
      <c r="A336" s="1">
        <v>41761</v>
      </c>
      <c r="B336" s="2">
        <v>0.21332175925925925</v>
      </c>
      <c r="C336">
        <v>22.044599999999999</v>
      </c>
      <c r="D336">
        <v>44.089199999999998</v>
      </c>
    </row>
    <row r="337" spans="1:4" x14ac:dyDescent="0.25">
      <c r="A337" s="1">
        <v>41761</v>
      </c>
      <c r="B337" s="2">
        <v>0.33592592592592596</v>
      </c>
      <c r="C337">
        <v>22.111199999999997</v>
      </c>
      <c r="D337">
        <v>44.222399999999993</v>
      </c>
    </row>
    <row r="338" spans="1:4" x14ac:dyDescent="0.25">
      <c r="A338" s="1">
        <v>41761</v>
      </c>
      <c r="B338" s="2">
        <v>0.46314814814814814</v>
      </c>
      <c r="C338">
        <v>22.177799999999998</v>
      </c>
      <c r="D338">
        <v>44.355599999999995</v>
      </c>
    </row>
    <row r="339" spans="1:4" x14ac:dyDescent="0.25">
      <c r="A339" s="1">
        <v>41761</v>
      </c>
      <c r="B339" s="2">
        <v>0.61605324074074075</v>
      </c>
      <c r="C339">
        <v>22.244399999999999</v>
      </c>
      <c r="D339">
        <v>44.488799999999998</v>
      </c>
    </row>
    <row r="340" spans="1:4" x14ac:dyDescent="0.25">
      <c r="A340" s="1">
        <v>41761</v>
      </c>
      <c r="B340" s="2">
        <v>0.69537037037037042</v>
      </c>
      <c r="C340">
        <v>22.310999999999996</v>
      </c>
      <c r="D340">
        <v>44.621999999999993</v>
      </c>
    </row>
    <row r="341" spans="1:4" x14ac:dyDescent="0.25">
      <c r="A341" s="1">
        <v>41761</v>
      </c>
      <c r="B341" s="2">
        <v>0.71229166666666666</v>
      </c>
      <c r="C341">
        <v>22.377599999999997</v>
      </c>
      <c r="D341">
        <v>44.755199999999995</v>
      </c>
    </row>
    <row r="342" spans="1:4" x14ac:dyDescent="0.25">
      <c r="A342" s="1">
        <v>41761</v>
      </c>
      <c r="B342" s="2">
        <v>0.73187500000000005</v>
      </c>
      <c r="C342">
        <v>22.444199999999999</v>
      </c>
      <c r="D342">
        <v>44.888399999999997</v>
      </c>
    </row>
    <row r="343" spans="1:4" x14ac:dyDescent="0.25">
      <c r="A343" s="1">
        <v>41761</v>
      </c>
      <c r="B343" s="2">
        <v>0.74368055555555557</v>
      </c>
      <c r="C343">
        <v>22.5108</v>
      </c>
      <c r="D343">
        <v>45.021599999999999</v>
      </c>
    </row>
    <row r="344" spans="1:4" x14ac:dyDescent="0.25">
      <c r="A344" s="1">
        <v>41761</v>
      </c>
      <c r="B344" s="2">
        <v>0.75628472222222232</v>
      </c>
      <c r="C344">
        <v>22.577399999999997</v>
      </c>
      <c r="D344">
        <v>45.154799999999994</v>
      </c>
    </row>
    <row r="345" spans="1:4" x14ac:dyDescent="0.25">
      <c r="A345" s="1">
        <v>41761</v>
      </c>
      <c r="B345" s="2">
        <v>0.76758101851851857</v>
      </c>
      <c r="C345">
        <v>22.643999999999995</v>
      </c>
      <c r="D345">
        <v>45.28799999999999</v>
      </c>
    </row>
    <row r="346" spans="1:4" x14ac:dyDescent="0.25">
      <c r="A346" s="1">
        <v>41761</v>
      </c>
      <c r="B346" s="2">
        <v>0.77615740740740735</v>
      </c>
      <c r="C346">
        <v>22.710599999999999</v>
      </c>
      <c r="D346">
        <v>45.421199999999999</v>
      </c>
    </row>
    <row r="347" spans="1:4" x14ac:dyDescent="0.25">
      <c r="A347" s="1">
        <v>41761</v>
      </c>
      <c r="B347" s="2">
        <v>0.78288194444444448</v>
      </c>
      <c r="C347">
        <v>22.777199999999997</v>
      </c>
      <c r="D347">
        <v>45.554399999999994</v>
      </c>
    </row>
    <row r="348" spans="1:4" x14ac:dyDescent="0.25">
      <c r="A348" s="1">
        <v>41761</v>
      </c>
      <c r="B348" s="2">
        <v>0.78870370370370368</v>
      </c>
      <c r="C348">
        <v>22.843799999999998</v>
      </c>
      <c r="D348">
        <v>45.687599999999996</v>
      </c>
    </row>
    <row r="349" spans="1:4" x14ac:dyDescent="0.25">
      <c r="A349" s="1">
        <v>41761</v>
      </c>
      <c r="B349" s="2">
        <v>0.79405092592592597</v>
      </c>
      <c r="C349">
        <v>22.910399999999999</v>
      </c>
      <c r="D349">
        <v>45.820799999999998</v>
      </c>
    </row>
    <row r="350" spans="1:4" x14ac:dyDescent="0.25">
      <c r="A350" s="1">
        <v>41761</v>
      </c>
      <c r="B350" s="2">
        <v>0.79910879629629628</v>
      </c>
      <c r="C350">
        <v>22.976999999999997</v>
      </c>
      <c r="D350">
        <v>45.953999999999994</v>
      </c>
    </row>
    <row r="351" spans="1:4" x14ac:dyDescent="0.25">
      <c r="A351" s="1">
        <v>41761</v>
      </c>
      <c r="B351" s="2">
        <v>0.80369212962962966</v>
      </c>
      <c r="C351">
        <v>23.043599999999998</v>
      </c>
      <c r="D351">
        <v>46.087199999999996</v>
      </c>
    </row>
    <row r="352" spans="1:4" x14ac:dyDescent="0.25">
      <c r="A352" s="1">
        <v>41761</v>
      </c>
      <c r="B352" s="2">
        <v>0.80798611111111107</v>
      </c>
      <c r="C352">
        <v>23.110199999999995</v>
      </c>
      <c r="D352">
        <v>46.220399999999991</v>
      </c>
    </row>
    <row r="353" spans="1:4" x14ac:dyDescent="0.25">
      <c r="A353" s="1">
        <v>41761</v>
      </c>
      <c r="B353" s="2">
        <v>0.81186342592592586</v>
      </c>
      <c r="C353">
        <v>23.1768</v>
      </c>
      <c r="D353">
        <v>46.3536</v>
      </c>
    </row>
    <row r="354" spans="1:4" x14ac:dyDescent="0.25">
      <c r="A354" s="1">
        <v>41761</v>
      </c>
      <c r="B354" s="2">
        <v>0.81549768518518517</v>
      </c>
      <c r="C354">
        <v>23.243399999999998</v>
      </c>
      <c r="D354">
        <v>46.486799999999995</v>
      </c>
    </row>
    <row r="355" spans="1:4" x14ac:dyDescent="0.25">
      <c r="A355" s="1">
        <v>41761</v>
      </c>
      <c r="B355" s="2">
        <v>0.81876157407407402</v>
      </c>
      <c r="C355">
        <v>23.309999999999995</v>
      </c>
      <c r="D355">
        <v>46.61999999999999</v>
      </c>
    </row>
    <row r="356" spans="1:4" x14ac:dyDescent="0.25">
      <c r="A356" s="1">
        <v>41761</v>
      </c>
      <c r="B356" s="2">
        <v>0.82184027777777768</v>
      </c>
      <c r="C356">
        <v>23.3766</v>
      </c>
      <c r="D356">
        <v>46.7532</v>
      </c>
    </row>
    <row r="357" spans="1:4" x14ac:dyDescent="0.25">
      <c r="A357" s="1">
        <v>41761</v>
      </c>
      <c r="B357" s="2">
        <v>0.82473379629629628</v>
      </c>
      <c r="C357">
        <v>23.443199999999997</v>
      </c>
      <c r="D357">
        <v>46.886399999999995</v>
      </c>
    </row>
    <row r="358" spans="1:4" x14ac:dyDescent="0.25">
      <c r="A358" s="1">
        <v>41761</v>
      </c>
      <c r="B358" s="2">
        <v>0.8275231481481482</v>
      </c>
      <c r="C358">
        <v>23.509799999999998</v>
      </c>
      <c r="D358">
        <v>47.019599999999997</v>
      </c>
    </row>
    <row r="359" spans="1:4" x14ac:dyDescent="0.25">
      <c r="A359" s="1">
        <v>41761</v>
      </c>
      <c r="B359" s="2">
        <v>0.83011574074074079</v>
      </c>
      <c r="C359">
        <v>23.5764</v>
      </c>
      <c r="D359">
        <v>47.152799999999999</v>
      </c>
    </row>
    <row r="360" spans="1:4" x14ac:dyDescent="0.25">
      <c r="A360" s="1">
        <v>41761</v>
      </c>
      <c r="B360" s="2">
        <v>0.83261574074074074</v>
      </c>
      <c r="C360">
        <v>23.642999999999997</v>
      </c>
      <c r="D360">
        <v>47.285999999999994</v>
      </c>
    </row>
    <row r="361" spans="1:4" x14ac:dyDescent="0.25">
      <c r="A361" s="1">
        <v>41761</v>
      </c>
      <c r="B361" s="2">
        <v>0.83496527777777774</v>
      </c>
      <c r="C361">
        <v>23.709599999999998</v>
      </c>
      <c r="D361">
        <v>47.419199999999996</v>
      </c>
    </row>
    <row r="362" spans="1:4" x14ac:dyDescent="0.25">
      <c r="A362" s="1">
        <v>41761</v>
      </c>
      <c r="B362" s="2">
        <v>0.83728009259259262</v>
      </c>
      <c r="C362">
        <v>23.776199999999996</v>
      </c>
      <c r="D362">
        <v>47.552399999999992</v>
      </c>
    </row>
    <row r="363" spans="1:4" x14ac:dyDescent="0.25">
      <c r="A363" s="1">
        <v>41761</v>
      </c>
      <c r="B363" s="2">
        <v>0.83953703703703697</v>
      </c>
      <c r="C363">
        <v>23.8428</v>
      </c>
      <c r="D363">
        <v>47.685600000000001</v>
      </c>
    </row>
    <row r="364" spans="1:4" x14ac:dyDescent="0.25">
      <c r="A364" s="1">
        <v>41761</v>
      </c>
      <c r="B364" s="2">
        <v>0.84178240740740751</v>
      </c>
      <c r="C364">
        <v>23.909399999999998</v>
      </c>
      <c r="D364">
        <v>47.818799999999996</v>
      </c>
    </row>
    <row r="365" spans="1:4" x14ac:dyDescent="0.25">
      <c r="A365" s="1">
        <v>41761</v>
      </c>
      <c r="B365" s="2">
        <v>0.84398148148148155</v>
      </c>
      <c r="C365">
        <v>23.975999999999996</v>
      </c>
      <c r="D365">
        <v>47.951999999999991</v>
      </c>
    </row>
    <row r="366" spans="1:4" x14ac:dyDescent="0.25">
      <c r="A366" s="1">
        <v>41761</v>
      </c>
      <c r="B366" s="2">
        <v>0.84620370370370368</v>
      </c>
      <c r="C366">
        <v>24.0426</v>
      </c>
      <c r="D366">
        <v>48.0852</v>
      </c>
    </row>
    <row r="367" spans="1:4" x14ac:dyDescent="0.25">
      <c r="A367" s="1">
        <v>41761</v>
      </c>
      <c r="B367" s="2">
        <v>0.8483680555555555</v>
      </c>
      <c r="C367">
        <v>24.109199999999998</v>
      </c>
      <c r="D367">
        <v>48.218399999999995</v>
      </c>
    </row>
    <row r="368" spans="1:4" x14ac:dyDescent="0.25">
      <c r="A368" s="1">
        <v>41761</v>
      </c>
      <c r="B368" s="2">
        <v>0.85063657407407411</v>
      </c>
      <c r="C368">
        <v>24.175799999999999</v>
      </c>
      <c r="D368">
        <v>48.351599999999998</v>
      </c>
    </row>
    <row r="369" spans="1:4" x14ac:dyDescent="0.25">
      <c r="A369" s="1">
        <v>41761</v>
      </c>
      <c r="B369" s="2">
        <v>0.85288194444444443</v>
      </c>
      <c r="C369">
        <v>24.242399999999996</v>
      </c>
      <c r="D369">
        <v>48.484799999999993</v>
      </c>
    </row>
    <row r="370" spans="1:4" x14ac:dyDescent="0.25">
      <c r="A370" s="1">
        <v>41761</v>
      </c>
      <c r="B370" s="2">
        <v>0.85521990740740739</v>
      </c>
      <c r="C370">
        <v>24.308999999999997</v>
      </c>
      <c r="D370">
        <v>48.617999999999995</v>
      </c>
    </row>
    <row r="371" spans="1:4" x14ac:dyDescent="0.25">
      <c r="A371" s="1">
        <v>41761</v>
      </c>
      <c r="B371" s="2">
        <v>0.8575462962962962</v>
      </c>
      <c r="C371">
        <v>24.375599999999999</v>
      </c>
      <c r="D371">
        <v>48.751199999999997</v>
      </c>
    </row>
    <row r="372" spans="1:4" x14ac:dyDescent="0.25">
      <c r="A372" s="1">
        <v>41761</v>
      </c>
      <c r="B372" s="2">
        <v>0.85996527777777787</v>
      </c>
      <c r="C372">
        <v>24.442199999999996</v>
      </c>
      <c r="D372">
        <v>48.884399999999992</v>
      </c>
    </row>
    <row r="373" spans="1:4" x14ac:dyDescent="0.25">
      <c r="A373" s="1">
        <v>41761</v>
      </c>
      <c r="B373" s="2">
        <v>0.86237268518518517</v>
      </c>
      <c r="C373">
        <v>24.508800000000001</v>
      </c>
      <c r="D373">
        <v>49.017600000000002</v>
      </c>
    </row>
    <row r="374" spans="1:4" x14ac:dyDescent="0.25">
      <c r="A374" s="1">
        <v>41761</v>
      </c>
      <c r="B374" s="2">
        <v>0.86491898148148139</v>
      </c>
      <c r="C374">
        <v>24.575399999999998</v>
      </c>
      <c r="D374">
        <v>49.150799999999997</v>
      </c>
    </row>
    <row r="375" spans="1:4" x14ac:dyDescent="0.25">
      <c r="A375" s="1">
        <v>41761</v>
      </c>
      <c r="B375" s="2">
        <v>0.86744212962962963</v>
      </c>
      <c r="C375">
        <v>24.641999999999996</v>
      </c>
      <c r="D375">
        <v>49.283999999999992</v>
      </c>
    </row>
    <row r="376" spans="1:4" x14ac:dyDescent="0.25">
      <c r="A376" s="1">
        <v>41761</v>
      </c>
      <c r="B376" s="2">
        <v>0.87013888888888891</v>
      </c>
      <c r="C376">
        <v>24.708599999999997</v>
      </c>
      <c r="D376">
        <v>49.417199999999994</v>
      </c>
    </row>
    <row r="377" spans="1:4" x14ac:dyDescent="0.25">
      <c r="A377" s="1">
        <v>41761</v>
      </c>
      <c r="B377" s="2">
        <v>0.87280092592592595</v>
      </c>
      <c r="C377">
        <v>24.775199999999998</v>
      </c>
      <c r="D377">
        <v>49.550399999999996</v>
      </c>
    </row>
    <row r="378" spans="1:4" x14ac:dyDescent="0.25">
      <c r="A378" s="1">
        <v>41761</v>
      </c>
      <c r="B378" s="2">
        <v>0.87565972222222221</v>
      </c>
      <c r="C378">
        <v>24.841799999999999</v>
      </c>
      <c r="D378">
        <v>49.683599999999998</v>
      </c>
    </row>
    <row r="379" spans="1:4" x14ac:dyDescent="0.25">
      <c r="A379" s="1">
        <v>41761</v>
      </c>
      <c r="B379" s="2">
        <v>0.87848379629629625</v>
      </c>
      <c r="C379">
        <v>24.908399999999997</v>
      </c>
      <c r="D379">
        <v>49.816799999999994</v>
      </c>
    </row>
    <row r="380" spans="1:4" x14ac:dyDescent="0.25">
      <c r="A380" s="1">
        <v>41761</v>
      </c>
      <c r="B380" s="2">
        <v>0.88151620370370365</v>
      </c>
      <c r="C380">
        <v>24.974999999999998</v>
      </c>
      <c r="D380">
        <v>49.949999999999996</v>
      </c>
    </row>
    <row r="381" spans="1:4" x14ac:dyDescent="0.25">
      <c r="A381" s="1">
        <v>41761</v>
      </c>
      <c r="B381" s="2">
        <v>0.88452546296296297</v>
      </c>
      <c r="C381">
        <v>25.041599999999999</v>
      </c>
      <c r="D381">
        <v>50.083199999999998</v>
      </c>
    </row>
    <row r="382" spans="1:4" x14ac:dyDescent="0.25">
      <c r="A382" s="1">
        <v>41761</v>
      </c>
      <c r="B382" s="2">
        <v>0.88776620370370374</v>
      </c>
      <c r="C382">
        <v>25.108199999999997</v>
      </c>
      <c r="D382">
        <v>50.216399999999993</v>
      </c>
    </row>
    <row r="383" spans="1:4" x14ac:dyDescent="0.25">
      <c r="A383" s="1">
        <v>41761</v>
      </c>
      <c r="B383" s="2">
        <v>0.89098379629629632</v>
      </c>
      <c r="C383">
        <v>25.174799999999998</v>
      </c>
      <c r="D383">
        <v>50.349599999999995</v>
      </c>
    </row>
    <row r="384" spans="1:4" x14ac:dyDescent="0.25">
      <c r="A384" s="1">
        <v>41761</v>
      </c>
      <c r="B384" s="2">
        <v>0.89445601851851853</v>
      </c>
      <c r="C384">
        <v>25.241399999999999</v>
      </c>
      <c r="D384">
        <v>50.482799999999997</v>
      </c>
    </row>
    <row r="385" spans="1:4" x14ac:dyDescent="0.25">
      <c r="A385" s="1">
        <v>41761</v>
      </c>
      <c r="B385" s="2">
        <v>0.89787037037037043</v>
      </c>
      <c r="C385">
        <v>25.307999999999996</v>
      </c>
      <c r="D385">
        <v>50.615999999999993</v>
      </c>
    </row>
    <row r="386" spans="1:4" x14ac:dyDescent="0.25">
      <c r="A386" s="1">
        <v>41761</v>
      </c>
      <c r="B386" s="2">
        <v>0.90159722222222216</v>
      </c>
      <c r="C386">
        <v>25.374599999999997</v>
      </c>
      <c r="D386">
        <v>50.749199999999995</v>
      </c>
    </row>
    <row r="387" spans="1:4" x14ac:dyDescent="0.25">
      <c r="A387" s="1">
        <v>41761</v>
      </c>
      <c r="B387" s="2">
        <v>0.90528935185185189</v>
      </c>
      <c r="C387">
        <v>25.441199999999998</v>
      </c>
      <c r="D387">
        <v>50.882399999999997</v>
      </c>
    </row>
    <row r="388" spans="1:4" x14ac:dyDescent="0.25">
      <c r="A388" s="1">
        <v>41761</v>
      </c>
      <c r="B388" s="2">
        <v>0.90929398148148144</v>
      </c>
      <c r="C388">
        <v>25.5078</v>
      </c>
      <c r="D388">
        <v>51.015599999999999</v>
      </c>
    </row>
    <row r="389" spans="1:4" x14ac:dyDescent="0.25">
      <c r="A389" s="1">
        <v>41761</v>
      </c>
      <c r="B389" s="2">
        <v>0.9132407407407408</v>
      </c>
      <c r="C389">
        <v>25.574399999999997</v>
      </c>
      <c r="D389">
        <v>51.148799999999994</v>
      </c>
    </row>
    <row r="390" spans="1:4" x14ac:dyDescent="0.25">
      <c r="A390" s="1">
        <v>41761</v>
      </c>
      <c r="B390" s="2">
        <v>0.91753472222222221</v>
      </c>
      <c r="C390">
        <v>25.640999999999995</v>
      </c>
      <c r="D390">
        <v>51.281999999999989</v>
      </c>
    </row>
    <row r="391" spans="1:4" x14ac:dyDescent="0.25">
      <c r="A391" s="1">
        <v>41761</v>
      </c>
      <c r="B391" s="2">
        <v>0.92177083333333332</v>
      </c>
      <c r="C391">
        <v>25.707599999999999</v>
      </c>
      <c r="D391">
        <v>51.415199999999999</v>
      </c>
    </row>
    <row r="392" spans="1:4" x14ac:dyDescent="0.25">
      <c r="A392" s="1">
        <v>41761</v>
      </c>
      <c r="B392" s="2">
        <v>0.9263541666666667</v>
      </c>
      <c r="C392">
        <v>25.774199999999997</v>
      </c>
      <c r="D392">
        <v>51.548399999999994</v>
      </c>
    </row>
    <row r="393" spans="1:4" x14ac:dyDescent="0.25">
      <c r="A393" s="1">
        <v>41761</v>
      </c>
      <c r="B393" s="2">
        <v>0.93091435185185178</v>
      </c>
      <c r="C393">
        <v>25.840799999999998</v>
      </c>
      <c r="D393">
        <v>51.681599999999996</v>
      </c>
    </row>
    <row r="394" spans="1:4" x14ac:dyDescent="0.25">
      <c r="A394" s="1">
        <v>41761</v>
      </c>
      <c r="B394" s="2">
        <v>0.93581018518518511</v>
      </c>
      <c r="C394">
        <v>25.907399999999999</v>
      </c>
      <c r="D394">
        <v>51.814799999999998</v>
      </c>
    </row>
    <row r="395" spans="1:4" x14ac:dyDescent="0.25">
      <c r="A395" s="1">
        <v>41761</v>
      </c>
      <c r="B395" s="2">
        <v>0.94074074074074077</v>
      </c>
      <c r="C395">
        <v>25.973999999999997</v>
      </c>
      <c r="D395">
        <v>51.947999999999993</v>
      </c>
    </row>
    <row r="396" spans="1:4" x14ac:dyDescent="0.25">
      <c r="A396" s="1">
        <v>41761</v>
      </c>
      <c r="B396" s="2">
        <v>0.9459953703703704</v>
      </c>
      <c r="C396">
        <v>26.040599999999998</v>
      </c>
      <c r="D396">
        <v>52.081199999999995</v>
      </c>
    </row>
    <row r="397" spans="1:4" x14ac:dyDescent="0.25">
      <c r="A397" s="1">
        <v>41761</v>
      </c>
      <c r="B397" s="2">
        <v>0.95128472222222227</v>
      </c>
      <c r="C397">
        <v>26.107199999999999</v>
      </c>
      <c r="D397">
        <v>52.214399999999998</v>
      </c>
    </row>
    <row r="398" spans="1:4" x14ac:dyDescent="0.25">
      <c r="A398" s="1">
        <v>41761</v>
      </c>
      <c r="B398" s="2">
        <v>0.95694444444444438</v>
      </c>
      <c r="C398">
        <v>26.1738</v>
      </c>
      <c r="D398">
        <v>52.3476</v>
      </c>
    </row>
    <row r="399" spans="1:4" x14ac:dyDescent="0.25">
      <c r="A399" s="1">
        <v>41761</v>
      </c>
      <c r="B399" s="2">
        <v>0.96260416666666659</v>
      </c>
      <c r="C399">
        <v>26.240399999999998</v>
      </c>
      <c r="D399">
        <v>52.480799999999995</v>
      </c>
    </row>
    <row r="400" spans="1:4" x14ac:dyDescent="0.25">
      <c r="A400" s="1">
        <v>41761</v>
      </c>
      <c r="B400" s="2">
        <v>0.96870370370370373</v>
      </c>
      <c r="C400">
        <v>26.306999999999995</v>
      </c>
      <c r="D400">
        <v>52.61399999999999</v>
      </c>
    </row>
    <row r="401" spans="1:4" x14ac:dyDescent="0.25">
      <c r="A401" s="1">
        <v>41761</v>
      </c>
      <c r="B401" s="2">
        <v>0.97484953703703703</v>
      </c>
      <c r="C401">
        <v>26.3736</v>
      </c>
      <c r="D401">
        <v>52.747199999999999</v>
      </c>
    </row>
    <row r="402" spans="1:4" x14ac:dyDescent="0.25">
      <c r="A402" s="1">
        <v>41761</v>
      </c>
      <c r="B402" s="2">
        <v>0.98144675925925917</v>
      </c>
      <c r="C402">
        <v>26.440199999999997</v>
      </c>
      <c r="D402">
        <v>52.880399999999995</v>
      </c>
    </row>
    <row r="403" spans="1:4" x14ac:dyDescent="0.25">
      <c r="A403" s="1">
        <v>41761</v>
      </c>
      <c r="B403" s="2">
        <v>0.98807870370370365</v>
      </c>
      <c r="C403">
        <v>26.506799999999998</v>
      </c>
      <c r="D403">
        <v>53.013599999999997</v>
      </c>
    </row>
    <row r="404" spans="1:4" x14ac:dyDescent="0.25">
      <c r="A404" s="1">
        <v>41761</v>
      </c>
      <c r="B404" s="2">
        <v>0.99525462962962974</v>
      </c>
      <c r="C404">
        <v>26.573399999999999</v>
      </c>
      <c r="D404">
        <v>53.146799999999999</v>
      </c>
    </row>
    <row r="405" spans="1:4" x14ac:dyDescent="0.25">
      <c r="A405" s="1">
        <v>41762</v>
      </c>
      <c r="B405" s="2">
        <v>2.4537037037037036E-3</v>
      </c>
      <c r="C405">
        <v>26.639999999999997</v>
      </c>
      <c r="D405">
        <v>53.279999999999994</v>
      </c>
    </row>
    <row r="406" spans="1:4" x14ac:dyDescent="0.25">
      <c r="A406" s="1">
        <v>41762</v>
      </c>
      <c r="B406" s="2">
        <v>1.0208333333333333E-2</v>
      </c>
      <c r="C406">
        <v>26.706599999999998</v>
      </c>
      <c r="D406">
        <v>53.413199999999996</v>
      </c>
    </row>
    <row r="407" spans="1:4" x14ac:dyDescent="0.25">
      <c r="A407" s="1">
        <v>41762</v>
      </c>
      <c r="B407" s="2">
        <v>1.7997685185185186E-2</v>
      </c>
      <c r="C407">
        <v>26.773199999999996</v>
      </c>
      <c r="D407">
        <v>53.546399999999991</v>
      </c>
    </row>
    <row r="408" spans="1:4" x14ac:dyDescent="0.25">
      <c r="A408" s="1">
        <v>41762</v>
      </c>
      <c r="B408" s="2">
        <v>2.6354166666666668E-2</v>
      </c>
      <c r="C408">
        <v>26.8398</v>
      </c>
      <c r="D408">
        <v>53.679600000000001</v>
      </c>
    </row>
    <row r="409" spans="1:4" x14ac:dyDescent="0.25">
      <c r="A409" s="1">
        <v>41762</v>
      </c>
      <c r="B409" s="2">
        <v>3.4675925925925923E-2</v>
      </c>
      <c r="C409">
        <v>26.906399999999998</v>
      </c>
      <c r="D409">
        <v>53.812799999999996</v>
      </c>
    </row>
    <row r="410" spans="1:4" x14ac:dyDescent="0.25">
      <c r="A410" s="1">
        <v>41762</v>
      </c>
      <c r="B410" s="2">
        <v>4.3784722222222218E-2</v>
      </c>
      <c r="C410">
        <v>26.972999999999995</v>
      </c>
      <c r="D410">
        <v>53.945999999999991</v>
      </c>
    </row>
    <row r="411" spans="1:4" x14ac:dyDescent="0.25">
      <c r="A411" s="1">
        <v>41762</v>
      </c>
      <c r="B411" s="2">
        <v>5.2777777777777778E-2</v>
      </c>
      <c r="C411">
        <v>27.0396</v>
      </c>
      <c r="D411">
        <v>54.0792</v>
      </c>
    </row>
    <row r="412" spans="1:4" x14ac:dyDescent="0.25">
      <c r="A412" s="1">
        <v>41762</v>
      </c>
      <c r="B412" s="2">
        <v>6.2662037037037044E-2</v>
      </c>
      <c r="C412">
        <v>27.106199999999998</v>
      </c>
      <c r="D412">
        <v>54.212399999999995</v>
      </c>
    </row>
    <row r="413" spans="1:4" x14ac:dyDescent="0.25">
      <c r="A413" s="1">
        <v>41762</v>
      </c>
      <c r="B413" s="2">
        <v>7.2430555555555554E-2</v>
      </c>
      <c r="C413">
        <v>27.172799999999999</v>
      </c>
      <c r="D413">
        <v>54.345599999999997</v>
      </c>
    </row>
    <row r="414" spans="1:4" x14ac:dyDescent="0.25">
      <c r="A414" s="1">
        <v>41762</v>
      </c>
      <c r="B414" s="2">
        <v>8.3136574074074085E-2</v>
      </c>
      <c r="C414">
        <v>27.239399999999996</v>
      </c>
      <c r="D414">
        <v>54.478799999999993</v>
      </c>
    </row>
    <row r="415" spans="1:4" x14ac:dyDescent="0.25">
      <c r="A415" s="1">
        <v>41762</v>
      </c>
      <c r="B415" s="2">
        <v>9.3773148148148147E-2</v>
      </c>
      <c r="C415">
        <v>27.305999999999997</v>
      </c>
      <c r="D415">
        <v>54.611999999999995</v>
      </c>
    </row>
    <row r="416" spans="1:4" x14ac:dyDescent="0.25">
      <c r="A416" s="1">
        <v>41762</v>
      </c>
      <c r="B416" s="2">
        <v>0.10528935185185184</v>
      </c>
      <c r="C416">
        <v>27.372599999999998</v>
      </c>
      <c r="D416">
        <v>54.745199999999997</v>
      </c>
    </row>
    <row r="417" spans="1:4" x14ac:dyDescent="0.25">
      <c r="A417" s="1">
        <v>41762</v>
      </c>
      <c r="B417" s="2">
        <v>0.11684027777777778</v>
      </c>
      <c r="C417">
        <v>27.439199999999996</v>
      </c>
      <c r="D417">
        <v>54.878399999999992</v>
      </c>
    </row>
    <row r="418" spans="1:4" x14ac:dyDescent="0.25">
      <c r="A418" s="1">
        <v>41762</v>
      </c>
      <c r="B418" s="2">
        <v>0.12945601851851851</v>
      </c>
      <c r="C418">
        <v>27.505800000000001</v>
      </c>
      <c r="D418">
        <v>55.011600000000001</v>
      </c>
    </row>
    <row r="419" spans="1:4" x14ac:dyDescent="0.25">
      <c r="A419" s="1">
        <v>41762</v>
      </c>
      <c r="B419" s="2">
        <v>0.14202546296296295</v>
      </c>
      <c r="C419">
        <v>27.572399999999998</v>
      </c>
      <c r="D419">
        <v>55.144799999999996</v>
      </c>
    </row>
    <row r="420" spans="1:4" x14ac:dyDescent="0.25">
      <c r="A420" s="1">
        <v>41762</v>
      </c>
      <c r="B420" s="2">
        <v>0.15586805555555555</v>
      </c>
      <c r="C420">
        <v>27.638999999999996</v>
      </c>
      <c r="D420">
        <v>55.277999999999992</v>
      </c>
    </row>
    <row r="421" spans="1:4" x14ac:dyDescent="0.25">
      <c r="A421" s="1">
        <v>41762</v>
      </c>
      <c r="B421" s="2">
        <v>0.1696296296296296</v>
      </c>
      <c r="C421">
        <v>27.705599999999997</v>
      </c>
      <c r="D421">
        <v>55.411199999999994</v>
      </c>
    </row>
    <row r="422" spans="1:4" x14ac:dyDescent="0.25">
      <c r="A422" s="1">
        <v>41762</v>
      </c>
      <c r="B422" s="2">
        <v>0.18460648148148148</v>
      </c>
      <c r="C422">
        <v>27.772199999999998</v>
      </c>
      <c r="D422">
        <v>55.544399999999996</v>
      </c>
    </row>
    <row r="423" spans="1:4" x14ac:dyDescent="0.25">
      <c r="A423" s="1">
        <v>41762</v>
      </c>
      <c r="B423" s="2">
        <v>0.19958333333333333</v>
      </c>
      <c r="C423">
        <v>27.838799999999999</v>
      </c>
      <c r="D423">
        <v>55.677599999999998</v>
      </c>
    </row>
    <row r="424" spans="1:4" x14ac:dyDescent="0.25">
      <c r="A424" s="1">
        <v>41762</v>
      </c>
      <c r="B424" s="2">
        <v>0.21599537037037039</v>
      </c>
      <c r="C424">
        <v>27.905399999999997</v>
      </c>
      <c r="D424">
        <v>55.810799999999993</v>
      </c>
    </row>
    <row r="425" spans="1:4" x14ac:dyDescent="0.25">
      <c r="A425" s="1">
        <v>41762</v>
      </c>
      <c r="B425" s="2">
        <v>0.23234953703703706</v>
      </c>
      <c r="C425">
        <v>27.971999999999998</v>
      </c>
      <c r="D425">
        <v>55.943999999999996</v>
      </c>
    </row>
    <row r="426" spans="1:4" x14ac:dyDescent="0.25">
      <c r="A426" s="1">
        <v>41762</v>
      </c>
      <c r="B426" s="2">
        <v>0.25016203703703704</v>
      </c>
      <c r="C426">
        <v>28.038599999999999</v>
      </c>
      <c r="D426">
        <v>56.077199999999998</v>
      </c>
    </row>
    <row r="427" spans="1:4" x14ac:dyDescent="0.25">
      <c r="A427" s="1">
        <v>41762</v>
      </c>
      <c r="B427" s="2">
        <v>0.26806712962962964</v>
      </c>
      <c r="C427">
        <v>28.105199999999996</v>
      </c>
      <c r="D427">
        <v>56.210399999999993</v>
      </c>
    </row>
    <row r="428" spans="1:4" x14ac:dyDescent="0.25">
      <c r="A428" s="1">
        <v>41762</v>
      </c>
      <c r="B428" s="2">
        <v>0.28763888888888889</v>
      </c>
      <c r="C428">
        <v>28.171799999999998</v>
      </c>
      <c r="D428">
        <v>56.343599999999995</v>
      </c>
    </row>
    <row r="429" spans="1:4" x14ac:dyDescent="0.25">
      <c r="A429" s="1">
        <v>41762</v>
      </c>
      <c r="B429" s="2">
        <v>0.30708333333333332</v>
      </c>
      <c r="C429">
        <v>28.238399999999999</v>
      </c>
      <c r="D429">
        <v>56.476799999999997</v>
      </c>
    </row>
    <row r="430" spans="1:4" x14ac:dyDescent="0.25">
      <c r="A430" s="1">
        <v>41762</v>
      </c>
      <c r="B430" s="2">
        <v>0.32815972222222223</v>
      </c>
      <c r="C430">
        <v>28.304999999999996</v>
      </c>
      <c r="D430">
        <v>56.609999999999992</v>
      </c>
    </row>
    <row r="431" spans="1:4" x14ac:dyDescent="0.25">
      <c r="A431" s="1">
        <v>41762</v>
      </c>
      <c r="B431" s="2">
        <v>0.3492939814814815</v>
      </c>
      <c r="C431">
        <v>28.371599999999997</v>
      </c>
      <c r="D431">
        <v>56.743199999999995</v>
      </c>
    </row>
    <row r="432" spans="1:4" x14ac:dyDescent="0.25">
      <c r="A432" s="1">
        <v>41762</v>
      </c>
      <c r="B432" s="2">
        <v>0.37216435185185182</v>
      </c>
      <c r="C432">
        <v>28.438199999999998</v>
      </c>
      <c r="D432">
        <v>56.876399999999997</v>
      </c>
    </row>
    <row r="433" spans="1:4" x14ac:dyDescent="0.25">
      <c r="A433" s="1">
        <v>41762</v>
      </c>
      <c r="B433" s="2">
        <v>0.39525462962962959</v>
      </c>
      <c r="C433">
        <v>28.504799999999999</v>
      </c>
      <c r="D433">
        <v>57.009599999999999</v>
      </c>
    </row>
    <row r="434" spans="1:4" x14ac:dyDescent="0.25">
      <c r="A434" s="1">
        <v>41762</v>
      </c>
      <c r="B434" s="2">
        <v>0.42006944444444444</v>
      </c>
      <c r="C434">
        <v>28.571399999999997</v>
      </c>
      <c r="D434">
        <v>57.142799999999994</v>
      </c>
    </row>
    <row r="435" spans="1:4" x14ac:dyDescent="0.25">
      <c r="A435" s="1">
        <v>41762</v>
      </c>
      <c r="B435" s="2">
        <v>0.44562499999999999</v>
      </c>
      <c r="C435">
        <v>28.637999999999998</v>
      </c>
      <c r="D435">
        <v>57.275999999999996</v>
      </c>
    </row>
    <row r="436" spans="1:4" x14ac:dyDescent="0.25">
      <c r="A436" s="1">
        <v>41762</v>
      </c>
      <c r="B436" s="2">
        <v>0.47261574074074075</v>
      </c>
      <c r="C436">
        <v>28.704599999999999</v>
      </c>
      <c r="D436">
        <v>57.409199999999998</v>
      </c>
    </row>
    <row r="437" spans="1:4" x14ac:dyDescent="0.25">
      <c r="A437" s="1">
        <v>41762</v>
      </c>
      <c r="B437" s="2">
        <v>0.4997800925925926</v>
      </c>
      <c r="C437">
        <v>28.771199999999997</v>
      </c>
      <c r="D437">
        <v>57.542399999999994</v>
      </c>
    </row>
    <row r="438" spans="1:4" x14ac:dyDescent="0.25">
      <c r="A438" s="1">
        <v>41762</v>
      </c>
      <c r="B438" s="2">
        <v>0.52913194444444445</v>
      </c>
      <c r="C438">
        <v>28.837799999999998</v>
      </c>
      <c r="D438">
        <v>57.675599999999996</v>
      </c>
    </row>
    <row r="439" spans="1:4" x14ac:dyDescent="0.25">
      <c r="A439" s="1">
        <v>41762</v>
      </c>
      <c r="B439" s="2">
        <v>0.55843750000000003</v>
      </c>
      <c r="C439">
        <v>28.904399999999999</v>
      </c>
      <c r="D439">
        <v>57.808799999999998</v>
      </c>
    </row>
    <row r="440" spans="1:4" x14ac:dyDescent="0.25">
      <c r="A440" s="1">
        <v>41762</v>
      </c>
      <c r="B440" s="2">
        <v>0.58969907407407407</v>
      </c>
      <c r="C440">
        <v>28.970999999999997</v>
      </c>
      <c r="D440">
        <v>57.941999999999993</v>
      </c>
    </row>
    <row r="441" spans="1:4" x14ac:dyDescent="0.25">
      <c r="A441" s="1">
        <v>41762</v>
      </c>
      <c r="B441" s="2">
        <v>0.62133101851851846</v>
      </c>
      <c r="C441">
        <v>29.037599999999998</v>
      </c>
      <c r="D441">
        <v>58.075199999999995</v>
      </c>
    </row>
    <row r="442" spans="1:4" x14ac:dyDescent="0.25">
      <c r="A442" s="1">
        <v>41762</v>
      </c>
      <c r="B442" s="2">
        <v>0.65550925925925929</v>
      </c>
      <c r="C442">
        <v>29.104199999999999</v>
      </c>
      <c r="D442">
        <v>58.208399999999997</v>
      </c>
    </row>
    <row r="443" spans="1:4" x14ac:dyDescent="0.25">
      <c r="A443" s="1">
        <v>41762</v>
      </c>
      <c r="B443" s="2">
        <v>0.69106481481481474</v>
      </c>
      <c r="C443">
        <v>29.1708</v>
      </c>
      <c r="D443">
        <v>58.3416</v>
      </c>
    </row>
    <row r="444" spans="1:4" x14ac:dyDescent="0.25">
      <c r="A444" s="1">
        <v>41762</v>
      </c>
      <c r="B444" s="2">
        <v>0.73093750000000002</v>
      </c>
      <c r="C444">
        <v>29.237399999999997</v>
      </c>
      <c r="D444">
        <v>58.474799999999995</v>
      </c>
    </row>
    <row r="445" spans="1:4" x14ac:dyDescent="0.25">
      <c r="A445" s="1">
        <v>41762</v>
      </c>
      <c r="B445" s="2">
        <v>0.77094907407407398</v>
      </c>
      <c r="C445">
        <v>29.303999999999995</v>
      </c>
      <c r="D445">
        <v>58.60799999999999</v>
      </c>
    </row>
    <row r="446" spans="1:4" x14ac:dyDescent="0.25">
      <c r="A446" s="1">
        <v>41762</v>
      </c>
      <c r="B446" s="2">
        <v>0.81289351851851854</v>
      </c>
      <c r="C446">
        <v>29.3706</v>
      </c>
      <c r="D446">
        <v>58.741199999999999</v>
      </c>
    </row>
    <row r="447" spans="1:4" x14ac:dyDescent="0.25">
      <c r="A447" s="1">
        <v>41762</v>
      </c>
      <c r="B447" s="2">
        <v>0.85540509259259256</v>
      </c>
      <c r="C447">
        <v>29.437199999999997</v>
      </c>
      <c r="D447">
        <v>58.874399999999994</v>
      </c>
    </row>
    <row r="448" spans="1:4" x14ac:dyDescent="0.25">
      <c r="A448" s="1">
        <v>41762</v>
      </c>
      <c r="B448" s="2">
        <v>0.90075231481481488</v>
      </c>
      <c r="C448">
        <v>29.503799999999998</v>
      </c>
      <c r="D448">
        <v>59.007599999999996</v>
      </c>
    </row>
    <row r="449" spans="1:4" x14ac:dyDescent="0.25">
      <c r="A449" s="1">
        <v>41762</v>
      </c>
      <c r="B449" s="2">
        <v>0.94635416666666661</v>
      </c>
      <c r="C449">
        <v>29.570399999999999</v>
      </c>
      <c r="D449">
        <v>59.140799999999999</v>
      </c>
    </row>
    <row r="450" spans="1:4" x14ac:dyDescent="0.25">
      <c r="A450" s="1">
        <v>41762</v>
      </c>
      <c r="B450" s="2">
        <v>0.99408564814814815</v>
      </c>
      <c r="C450">
        <v>29.636999999999997</v>
      </c>
      <c r="D450">
        <v>59.273999999999994</v>
      </c>
    </row>
    <row r="451" spans="1:4" x14ac:dyDescent="0.25">
      <c r="A451" s="1">
        <v>41763</v>
      </c>
      <c r="B451" s="2">
        <v>4.3449074074074077E-2</v>
      </c>
      <c r="C451">
        <v>29.703599999999998</v>
      </c>
      <c r="D451">
        <v>59.407199999999996</v>
      </c>
    </row>
    <row r="452" spans="1:4" x14ac:dyDescent="0.25">
      <c r="A452" s="1">
        <v>41763</v>
      </c>
      <c r="B452" s="2">
        <v>9.6631944444444451E-2</v>
      </c>
      <c r="C452">
        <v>29.770199999999996</v>
      </c>
      <c r="D452">
        <v>59.540399999999991</v>
      </c>
    </row>
    <row r="453" spans="1:4" x14ac:dyDescent="0.25">
      <c r="A453" s="1">
        <v>41763</v>
      </c>
      <c r="B453" s="2">
        <v>0.1497337962962963</v>
      </c>
      <c r="C453">
        <v>29.836799999999997</v>
      </c>
      <c r="D453">
        <v>59.673599999999993</v>
      </c>
    </row>
    <row r="454" spans="1:4" x14ac:dyDescent="0.25">
      <c r="A454" s="1">
        <v>41763</v>
      </c>
      <c r="B454" s="2">
        <v>0.2066550925925926</v>
      </c>
      <c r="C454">
        <v>29.903399999999998</v>
      </c>
      <c r="D454">
        <v>59.806799999999996</v>
      </c>
    </row>
    <row r="455" spans="1:4" x14ac:dyDescent="0.25">
      <c r="A455" s="1">
        <v>41763</v>
      </c>
      <c r="B455" s="2">
        <v>0.26386574074074071</v>
      </c>
      <c r="C455">
        <v>29.969999999999995</v>
      </c>
      <c r="D455">
        <v>59.939999999999991</v>
      </c>
    </row>
    <row r="456" spans="1:4" x14ac:dyDescent="0.25">
      <c r="A456" s="1">
        <v>41763</v>
      </c>
      <c r="B456" s="2">
        <v>0.32541666666666669</v>
      </c>
      <c r="C456">
        <v>30.0366</v>
      </c>
      <c r="D456">
        <v>60.0732</v>
      </c>
    </row>
    <row r="457" spans="1:4" x14ac:dyDescent="0.25">
      <c r="A457" s="1">
        <v>41763</v>
      </c>
      <c r="B457" s="2">
        <v>0.38833333333333336</v>
      </c>
      <c r="C457">
        <v>30.103199999999998</v>
      </c>
      <c r="D457">
        <v>60.206399999999995</v>
      </c>
    </row>
    <row r="458" spans="1:4" x14ac:dyDescent="0.25">
      <c r="A458" s="1">
        <v>41763</v>
      </c>
      <c r="B458" s="2">
        <v>0.4544212962962963</v>
      </c>
      <c r="C458">
        <v>30.169799999999995</v>
      </c>
      <c r="D458">
        <v>60.33959999999999</v>
      </c>
    </row>
    <row r="459" spans="1:4" x14ac:dyDescent="0.25">
      <c r="A459" s="1">
        <v>41763</v>
      </c>
      <c r="B459" s="2">
        <v>0.52184027777777775</v>
      </c>
      <c r="C459">
        <v>30.236399999999996</v>
      </c>
      <c r="D459">
        <v>60.472799999999992</v>
      </c>
    </row>
    <row r="460" spans="1:4" x14ac:dyDescent="0.25">
      <c r="A460" s="1">
        <v>41763</v>
      </c>
      <c r="B460" s="2">
        <v>0.59651620370370373</v>
      </c>
      <c r="C460">
        <v>30.302999999999997</v>
      </c>
      <c r="D460">
        <v>60.605999999999995</v>
      </c>
    </row>
    <row r="461" spans="1:4" x14ac:dyDescent="0.25">
      <c r="A461" s="1">
        <v>41763</v>
      </c>
      <c r="B461" s="2">
        <v>0.67722222222222228</v>
      </c>
      <c r="C461">
        <v>30.369599999999998</v>
      </c>
      <c r="D461">
        <v>60.739199999999997</v>
      </c>
    </row>
    <row r="462" spans="1:4" x14ac:dyDescent="0.25">
      <c r="A462" s="1">
        <v>41763</v>
      </c>
      <c r="B462" s="2">
        <v>0.76310185185185186</v>
      </c>
      <c r="C462">
        <v>30.436199999999996</v>
      </c>
      <c r="D462">
        <v>60.872399999999992</v>
      </c>
    </row>
    <row r="463" spans="1:4" x14ac:dyDescent="0.25">
      <c r="A463" s="1">
        <v>41763</v>
      </c>
      <c r="B463" s="2">
        <v>0.85673611111111114</v>
      </c>
      <c r="C463">
        <v>30.502799999999997</v>
      </c>
      <c r="D463">
        <v>61.005599999999994</v>
      </c>
    </row>
    <row r="464" spans="1:4" x14ac:dyDescent="0.25">
      <c r="A464" s="1">
        <v>41763</v>
      </c>
      <c r="B464" s="2">
        <v>0.95453703703703707</v>
      </c>
      <c r="C464">
        <v>30.569399999999998</v>
      </c>
      <c r="D464">
        <v>61.138799999999996</v>
      </c>
    </row>
    <row r="465" spans="1:4" x14ac:dyDescent="0.25">
      <c r="A465" s="1">
        <v>41764</v>
      </c>
      <c r="B465" s="2">
        <v>5.6655092592592597E-2</v>
      </c>
      <c r="C465">
        <v>30.635999999999996</v>
      </c>
      <c r="D465">
        <v>61.271999999999991</v>
      </c>
    </row>
    <row r="466" spans="1:4" x14ac:dyDescent="0.25">
      <c r="A466" s="1">
        <v>41764</v>
      </c>
      <c r="B466" s="2">
        <v>0.16394675925925925</v>
      </c>
      <c r="C466">
        <v>30.702599999999997</v>
      </c>
      <c r="D466">
        <v>61.405199999999994</v>
      </c>
    </row>
    <row r="467" spans="1:4" x14ac:dyDescent="0.25">
      <c r="A467" s="1">
        <v>41764</v>
      </c>
      <c r="B467" s="2">
        <v>0.27739583333333334</v>
      </c>
      <c r="C467">
        <v>30.769199999999998</v>
      </c>
      <c r="D467">
        <v>61.538399999999996</v>
      </c>
    </row>
    <row r="468" spans="1:4" x14ac:dyDescent="0.25">
      <c r="A468" s="1">
        <v>41764</v>
      </c>
      <c r="B468" s="2">
        <v>0.39171296296296299</v>
      </c>
      <c r="C468">
        <v>30.835799999999995</v>
      </c>
      <c r="D468">
        <v>61.671599999999991</v>
      </c>
    </row>
    <row r="469" spans="1:4" x14ac:dyDescent="0.25">
      <c r="A469" s="1">
        <v>41764</v>
      </c>
      <c r="B469" s="2">
        <v>0.50890046296296299</v>
      </c>
      <c r="C469">
        <v>30.902399999999997</v>
      </c>
      <c r="D469">
        <v>61.804799999999993</v>
      </c>
    </row>
    <row r="470" spans="1:4" x14ac:dyDescent="0.25">
      <c r="A470" s="1">
        <v>41764</v>
      </c>
      <c r="B470" s="2">
        <v>0.55045138888888889</v>
      </c>
      <c r="C470">
        <v>30.902399999999997</v>
      </c>
      <c r="D470">
        <v>61.804799999999993</v>
      </c>
    </row>
    <row r="471" spans="1:4" x14ac:dyDescent="0.25">
      <c r="A471" s="1">
        <v>41764</v>
      </c>
      <c r="B471" s="2">
        <v>0.5506712962962963</v>
      </c>
      <c r="C471">
        <v>30.902399999999997</v>
      </c>
      <c r="D471">
        <v>61.804799999999993</v>
      </c>
    </row>
    <row r="472" spans="1:4" x14ac:dyDescent="0.25">
      <c r="A472" s="1">
        <v>41764</v>
      </c>
      <c r="B472" s="2">
        <v>0.55108796296296292</v>
      </c>
      <c r="C472">
        <v>30.968999999999998</v>
      </c>
      <c r="D472">
        <v>61.937999999999995</v>
      </c>
    </row>
    <row r="473" spans="1:4" x14ac:dyDescent="0.25">
      <c r="A473" s="1">
        <v>41764</v>
      </c>
      <c r="B473" s="2">
        <v>0.63429398148148153</v>
      </c>
      <c r="C473">
        <v>31.035599999999999</v>
      </c>
      <c r="D473">
        <v>62.071199999999997</v>
      </c>
    </row>
    <row r="474" spans="1:4" x14ac:dyDescent="0.25">
      <c r="A474" s="1">
        <v>41764</v>
      </c>
      <c r="B474" s="2">
        <v>0.77993055555555557</v>
      </c>
      <c r="C474">
        <v>31.102199999999996</v>
      </c>
      <c r="D474">
        <v>62.204399999999993</v>
      </c>
    </row>
    <row r="475" spans="1:4" x14ac:dyDescent="0.25">
      <c r="A475" s="1">
        <v>41764</v>
      </c>
      <c r="B475" s="2">
        <v>0.94842592592592589</v>
      </c>
      <c r="C475">
        <v>31.168799999999997</v>
      </c>
      <c r="D475">
        <v>62.337599999999995</v>
      </c>
    </row>
    <row r="476" spans="1:4" x14ac:dyDescent="0.25">
      <c r="A476" s="1">
        <v>41765</v>
      </c>
      <c r="B476" s="2">
        <v>0.12194444444444445</v>
      </c>
      <c r="C476">
        <v>31.235399999999998</v>
      </c>
      <c r="D476">
        <v>62.470799999999997</v>
      </c>
    </row>
    <row r="477" spans="1:4" x14ac:dyDescent="0.25">
      <c r="A477" s="1">
        <v>41765</v>
      </c>
      <c r="B477" s="2">
        <v>0.30686342592592591</v>
      </c>
      <c r="C477">
        <v>31.301999999999996</v>
      </c>
      <c r="D477">
        <v>62.603999999999992</v>
      </c>
    </row>
    <row r="478" spans="1:4" x14ac:dyDescent="0.25">
      <c r="A478" s="1">
        <v>41765</v>
      </c>
      <c r="B478" s="2">
        <v>0.48577546296296298</v>
      </c>
      <c r="C478">
        <v>31.368599999999997</v>
      </c>
      <c r="D478">
        <v>62.737199999999994</v>
      </c>
    </row>
    <row r="479" spans="1:4" x14ac:dyDescent="0.25">
      <c r="A479" s="1">
        <v>41765</v>
      </c>
      <c r="B479" s="2">
        <v>0.67918981481481477</v>
      </c>
      <c r="C479">
        <v>31.435199999999998</v>
      </c>
      <c r="D479">
        <v>62.870399999999997</v>
      </c>
    </row>
    <row r="480" spans="1:4" x14ac:dyDescent="0.25">
      <c r="A480" s="1">
        <v>41765</v>
      </c>
      <c r="B480" s="2">
        <v>0.91961805555555554</v>
      </c>
      <c r="C480">
        <v>31.501799999999996</v>
      </c>
      <c r="D480">
        <v>63.003599999999992</v>
      </c>
    </row>
    <row r="481" spans="1:4" x14ac:dyDescent="0.25">
      <c r="A481" s="1">
        <v>41766</v>
      </c>
      <c r="B481" s="2">
        <v>0.18284722222222224</v>
      </c>
      <c r="C481">
        <v>31.568399999999997</v>
      </c>
      <c r="D481">
        <v>63.136799999999994</v>
      </c>
    </row>
    <row r="482" spans="1:4" x14ac:dyDescent="0.25">
      <c r="A482" s="1">
        <v>41766</v>
      </c>
      <c r="B482" s="2">
        <v>0.44346064814814817</v>
      </c>
      <c r="C482">
        <v>31.634999999999998</v>
      </c>
      <c r="D482">
        <v>63.269999999999996</v>
      </c>
    </row>
    <row r="483" spans="1:4" x14ac:dyDescent="0.25">
      <c r="A483" s="1">
        <v>41766</v>
      </c>
      <c r="B483" s="2">
        <v>0.72681712962962963</v>
      </c>
      <c r="C483">
        <v>31.701599999999999</v>
      </c>
      <c r="D483">
        <v>63.403199999999998</v>
      </c>
    </row>
    <row r="484" spans="1:4" x14ac:dyDescent="0.25">
      <c r="A484" s="1">
        <v>41767</v>
      </c>
      <c r="B484" s="2">
        <v>5.543981481481481E-2</v>
      </c>
      <c r="C484">
        <v>31.768199999999997</v>
      </c>
      <c r="D484">
        <v>63.536399999999993</v>
      </c>
    </row>
    <row r="485" spans="1:4" x14ac:dyDescent="0.25">
      <c r="A485" s="1">
        <v>41767</v>
      </c>
      <c r="B485" s="2">
        <v>0.39829861111111109</v>
      </c>
      <c r="C485">
        <v>31.834799999999994</v>
      </c>
      <c r="D485">
        <v>63.669599999999988</v>
      </c>
    </row>
    <row r="486" spans="1:4" x14ac:dyDescent="0.25">
      <c r="A486" s="1">
        <v>41767</v>
      </c>
      <c r="B486" s="2">
        <v>0.77959490740740733</v>
      </c>
      <c r="C486">
        <v>31.901399999999999</v>
      </c>
      <c r="D486">
        <v>63.802799999999998</v>
      </c>
    </row>
    <row r="487" spans="1:4" x14ac:dyDescent="0.25">
      <c r="A487" s="1">
        <v>41768</v>
      </c>
      <c r="B487" s="2">
        <v>0.30229166666666668</v>
      </c>
      <c r="C487">
        <v>31.967999999999996</v>
      </c>
      <c r="D487">
        <v>63.935999999999993</v>
      </c>
    </row>
    <row r="488" spans="1:4" x14ac:dyDescent="0.25">
      <c r="A488" s="1">
        <v>41768</v>
      </c>
      <c r="B488" s="2">
        <v>0.81834490740740751</v>
      </c>
      <c r="C488">
        <v>32.034599999999998</v>
      </c>
      <c r="D488">
        <v>64.069199999999995</v>
      </c>
    </row>
    <row r="489" spans="1:4" x14ac:dyDescent="0.25">
      <c r="A489" s="1">
        <v>41769</v>
      </c>
      <c r="B489" s="2">
        <v>0.56346064814814811</v>
      </c>
      <c r="C489">
        <v>32.101199999999999</v>
      </c>
      <c r="D489">
        <v>64.202399999999997</v>
      </c>
    </row>
    <row r="490" spans="1:4" x14ac:dyDescent="0.25">
      <c r="A490" s="1">
        <v>41770</v>
      </c>
      <c r="B490" s="2">
        <v>0.38458333333333333</v>
      </c>
      <c r="C490">
        <v>32.167799999999993</v>
      </c>
      <c r="D490">
        <v>64.335599999999985</v>
      </c>
    </row>
    <row r="491" spans="1:4" x14ac:dyDescent="0.25">
      <c r="A491" s="1">
        <v>41770</v>
      </c>
      <c r="B491" s="2">
        <v>0.93805555555555553</v>
      </c>
      <c r="C491">
        <v>32.234400000000001</v>
      </c>
      <c r="D491">
        <v>64.468800000000002</v>
      </c>
    </row>
    <row r="492" spans="1:4" x14ac:dyDescent="0.25">
      <c r="A492" s="1">
        <v>41770</v>
      </c>
      <c r="B492" s="2">
        <v>0.95376157407407414</v>
      </c>
      <c r="C492">
        <v>32.300999999999995</v>
      </c>
      <c r="D492">
        <v>64.60199999999999</v>
      </c>
    </row>
    <row r="493" spans="1:4" x14ac:dyDescent="0.25">
      <c r="A493" s="1">
        <v>41770</v>
      </c>
      <c r="B493" s="2">
        <v>0.9625231481481481</v>
      </c>
      <c r="C493">
        <v>32.367599999999996</v>
      </c>
      <c r="D493">
        <v>64.735199999999992</v>
      </c>
    </row>
    <row r="494" spans="1:4" x14ac:dyDescent="0.25">
      <c r="A494" s="1">
        <v>41770</v>
      </c>
      <c r="B494" s="2">
        <v>0.96954861111111112</v>
      </c>
      <c r="C494">
        <v>32.434199999999997</v>
      </c>
      <c r="D494">
        <v>64.868399999999994</v>
      </c>
    </row>
    <row r="495" spans="1:4" x14ac:dyDescent="0.25">
      <c r="A495" s="1">
        <v>41770</v>
      </c>
      <c r="B495" s="2">
        <v>0.97559027777777774</v>
      </c>
      <c r="C495">
        <v>32.500799999999998</v>
      </c>
      <c r="D495">
        <v>65.001599999999996</v>
      </c>
    </row>
    <row r="496" spans="1:4" x14ac:dyDescent="0.25">
      <c r="A496" s="1">
        <v>41770</v>
      </c>
      <c r="B496" s="2">
        <v>0.98063657407407412</v>
      </c>
      <c r="C496">
        <v>32.567399999999999</v>
      </c>
      <c r="D496">
        <v>65.134799999999998</v>
      </c>
    </row>
    <row r="497" spans="1:4" x14ac:dyDescent="0.25">
      <c r="A497" s="1">
        <v>41770</v>
      </c>
      <c r="B497" s="2">
        <v>0.98502314814814806</v>
      </c>
      <c r="C497">
        <v>32.633999999999993</v>
      </c>
      <c r="D497">
        <v>65.267999999999986</v>
      </c>
    </row>
    <row r="498" spans="1:4" x14ac:dyDescent="0.25">
      <c r="A498" s="1">
        <v>41770</v>
      </c>
      <c r="B498" s="2">
        <v>0.98842592592592593</v>
      </c>
      <c r="C498">
        <v>32.700600000000001</v>
      </c>
      <c r="D498">
        <v>65.401200000000003</v>
      </c>
    </row>
    <row r="499" spans="1:4" x14ac:dyDescent="0.25">
      <c r="A499" s="1">
        <v>41770</v>
      </c>
      <c r="B499" s="2">
        <v>0.99129629629629623</v>
      </c>
      <c r="C499">
        <v>32.767199999999995</v>
      </c>
      <c r="D499">
        <v>65.534399999999991</v>
      </c>
    </row>
    <row r="500" spans="1:4" x14ac:dyDescent="0.25">
      <c r="A500" s="1">
        <v>41770</v>
      </c>
      <c r="B500" s="2">
        <v>0.99383101851851852</v>
      </c>
      <c r="C500">
        <v>32.833799999999997</v>
      </c>
      <c r="D500">
        <v>65.667599999999993</v>
      </c>
    </row>
    <row r="501" spans="1:4" x14ac:dyDescent="0.25">
      <c r="A501" s="1">
        <v>41770</v>
      </c>
      <c r="B501" s="2">
        <v>0.99606481481481479</v>
      </c>
      <c r="C501">
        <v>32.900399999999998</v>
      </c>
      <c r="D501">
        <v>65.800799999999995</v>
      </c>
    </row>
    <row r="502" spans="1:4" x14ac:dyDescent="0.25">
      <c r="A502" s="1">
        <v>41770</v>
      </c>
      <c r="B502" s="2">
        <v>0.99807870370370377</v>
      </c>
      <c r="C502">
        <v>32.966999999999999</v>
      </c>
      <c r="D502">
        <v>65.933999999999997</v>
      </c>
    </row>
    <row r="503" spans="1:4" x14ac:dyDescent="0.25">
      <c r="A503" s="1">
        <v>41771</v>
      </c>
      <c r="B503" s="2">
        <v>0</v>
      </c>
      <c r="C503">
        <v>33.0336</v>
      </c>
      <c r="D503">
        <v>66.0672</v>
      </c>
    </row>
    <row r="504" spans="1:4" x14ac:dyDescent="0.25">
      <c r="A504" s="1">
        <v>41771</v>
      </c>
      <c r="B504" s="2">
        <v>1.8287037037037037E-3</v>
      </c>
      <c r="C504">
        <v>33.100199999999994</v>
      </c>
      <c r="D504">
        <v>66.200399999999988</v>
      </c>
    </row>
    <row r="505" spans="1:4" x14ac:dyDescent="0.25">
      <c r="A505" s="1">
        <v>41771</v>
      </c>
      <c r="B505" s="2">
        <v>3.645833333333333E-3</v>
      </c>
      <c r="C505">
        <v>33.166799999999995</v>
      </c>
      <c r="D505">
        <v>66.33359999999999</v>
      </c>
    </row>
    <row r="506" spans="1:4" x14ac:dyDescent="0.25">
      <c r="A506" s="1">
        <v>41771</v>
      </c>
      <c r="B506" s="2">
        <v>5.3819444444444453E-3</v>
      </c>
      <c r="C506">
        <v>33.233399999999996</v>
      </c>
      <c r="D506">
        <v>66.466799999999992</v>
      </c>
    </row>
    <row r="507" spans="1:4" x14ac:dyDescent="0.25">
      <c r="A507" s="1">
        <v>41771</v>
      </c>
      <c r="B507" s="2">
        <v>7.1527777777777787E-3</v>
      </c>
      <c r="C507">
        <v>33.299999999999997</v>
      </c>
      <c r="D507">
        <v>66.599999999999994</v>
      </c>
    </row>
    <row r="508" spans="1:4" x14ac:dyDescent="0.25">
      <c r="A508" s="1">
        <v>41771</v>
      </c>
      <c r="B508" s="2">
        <v>8.8657407407407417E-3</v>
      </c>
      <c r="C508">
        <v>33.366599999999998</v>
      </c>
      <c r="D508">
        <v>66.733199999999997</v>
      </c>
    </row>
    <row r="509" spans="1:4" x14ac:dyDescent="0.25">
      <c r="A509" s="1">
        <v>41771</v>
      </c>
      <c r="B509" s="2">
        <v>1.0613425925925927E-2</v>
      </c>
      <c r="C509">
        <v>33.433199999999999</v>
      </c>
      <c r="D509">
        <v>66.866399999999999</v>
      </c>
    </row>
    <row r="510" spans="1:4" x14ac:dyDescent="0.25">
      <c r="A510" s="1">
        <v>41771</v>
      </c>
      <c r="B510" s="2">
        <v>1.2337962962962962E-2</v>
      </c>
      <c r="C510">
        <v>33.499799999999993</v>
      </c>
      <c r="D510">
        <v>66.999599999999987</v>
      </c>
    </row>
    <row r="511" spans="1:4" x14ac:dyDescent="0.25">
      <c r="A511" s="1">
        <v>41771</v>
      </c>
      <c r="B511" s="2">
        <v>1.4120370370370368E-2</v>
      </c>
      <c r="C511">
        <v>33.566399999999994</v>
      </c>
      <c r="D511">
        <v>67.132799999999989</v>
      </c>
    </row>
    <row r="512" spans="1:4" x14ac:dyDescent="0.25">
      <c r="A512" s="1">
        <v>41771</v>
      </c>
      <c r="B512" s="2">
        <v>1.5891203703703703E-2</v>
      </c>
      <c r="C512">
        <v>33.633000000000003</v>
      </c>
      <c r="D512">
        <v>67.266000000000005</v>
      </c>
    </row>
    <row r="513" spans="1:4" x14ac:dyDescent="0.25">
      <c r="A513" s="1">
        <v>41771</v>
      </c>
      <c r="B513" s="2">
        <v>1.7743055555555557E-2</v>
      </c>
      <c r="C513">
        <v>33.699599999999997</v>
      </c>
      <c r="D513">
        <v>67.399199999999993</v>
      </c>
    </row>
    <row r="514" spans="1:4" x14ac:dyDescent="0.25">
      <c r="A514" s="1">
        <v>41771</v>
      </c>
      <c r="B514" s="2">
        <v>1.9583333333333331E-2</v>
      </c>
      <c r="C514">
        <v>33.766199999999998</v>
      </c>
      <c r="D514">
        <v>67.532399999999996</v>
      </c>
    </row>
    <row r="515" spans="1:4" x14ac:dyDescent="0.25">
      <c r="A515" s="1">
        <v>41771</v>
      </c>
      <c r="B515" s="2">
        <v>2.1516203703703704E-2</v>
      </c>
      <c r="C515">
        <v>33.832799999999999</v>
      </c>
      <c r="D515">
        <v>67.665599999999998</v>
      </c>
    </row>
    <row r="516" spans="1:4" x14ac:dyDescent="0.25">
      <c r="A516" s="1">
        <v>41771</v>
      </c>
      <c r="B516" s="2">
        <v>2.34375E-2</v>
      </c>
      <c r="C516">
        <v>33.899399999999993</v>
      </c>
      <c r="D516">
        <v>67.798799999999986</v>
      </c>
    </row>
    <row r="517" spans="1:4" x14ac:dyDescent="0.25">
      <c r="A517" s="1">
        <v>41771</v>
      </c>
      <c r="B517" s="2">
        <v>2.5474537037037035E-2</v>
      </c>
      <c r="C517">
        <v>33.966000000000001</v>
      </c>
      <c r="D517">
        <v>67.932000000000002</v>
      </c>
    </row>
    <row r="518" spans="1:4" x14ac:dyDescent="0.25">
      <c r="A518" s="1">
        <v>41771</v>
      </c>
      <c r="B518" s="2">
        <v>2.75E-2</v>
      </c>
      <c r="C518">
        <v>34.032599999999995</v>
      </c>
      <c r="D518">
        <v>68.06519999999999</v>
      </c>
    </row>
    <row r="519" spans="1:4" x14ac:dyDescent="0.25">
      <c r="A519" s="1">
        <v>41771</v>
      </c>
      <c r="B519" s="2">
        <v>2.9652777777777778E-2</v>
      </c>
      <c r="C519">
        <v>34.099199999999996</v>
      </c>
      <c r="D519">
        <v>68.198399999999992</v>
      </c>
    </row>
    <row r="520" spans="1:4" x14ac:dyDescent="0.25">
      <c r="A520" s="1">
        <v>41771</v>
      </c>
      <c r="B520" s="2">
        <v>3.1793981481481479E-2</v>
      </c>
      <c r="C520">
        <v>34.165799999999997</v>
      </c>
      <c r="D520">
        <v>68.331599999999995</v>
      </c>
    </row>
    <row r="521" spans="1:4" x14ac:dyDescent="0.25">
      <c r="A521" s="1">
        <v>41771</v>
      </c>
      <c r="B521" s="2">
        <v>3.4074074074074076E-2</v>
      </c>
      <c r="C521">
        <v>34.232399999999991</v>
      </c>
      <c r="D521">
        <v>68.464799999999983</v>
      </c>
    </row>
    <row r="522" spans="1:4" x14ac:dyDescent="0.25">
      <c r="A522" s="1">
        <v>41771</v>
      </c>
      <c r="B522" s="2">
        <v>3.6342592592592593E-2</v>
      </c>
      <c r="C522">
        <v>34.298999999999999</v>
      </c>
      <c r="D522">
        <v>68.597999999999999</v>
      </c>
    </row>
    <row r="523" spans="1:4" x14ac:dyDescent="0.25">
      <c r="A523" s="1">
        <v>41771</v>
      </c>
      <c r="B523" s="2">
        <v>3.875E-2</v>
      </c>
      <c r="C523">
        <v>34.365600000000001</v>
      </c>
      <c r="D523">
        <v>68.731200000000001</v>
      </c>
    </row>
    <row r="524" spans="1:4" x14ac:dyDescent="0.25">
      <c r="A524" s="1">
        <v>41771</v>
      </c>
      <c r="B524" s="2">
        <v>4.116898148148148E-2</v>
      </c>
      <c r="C524">
        <v>34.432199999999995</v>
      </c>
      <c r="D524">
        <v>68.864399999999989</v>
      </c>
    </row>
    <row r="525" spans="1:4" x14ac:dyDescent="0.25">
      <c r="A525" s="1">
        <v>41771</v>
      </c>
      <c r="B525" s="2">
        <v>4.372685185185185E-2</v>
      </c>
      <c r="C525">
        <v>34.498799999999996</v>
      </c>
      <c r="D525">
        <v>68.997599999999991</v>
      </c>
    </row>
    <row r="526" spans="1:4" x14ac:dyDescent="0.25">
      <c r="A526" s="1">
        <v>41771</v>
      </c>
      <c r="B526" s="2">
        <v>4.6296296296296301E-2</v>
      </c>
      <c r="C526">
        <v>34.565399999999997</v>
      </c>
      <c r="D526">
        <v>69.130799999999994</v>
      </c>
    </row>
    <row r="527" spans="1:4" x14ac:dyDescent="0.25">
      <c r="A527" s="1">
        <v>41771</v>
      </c>
      <c r="B527" s="2">
        <v>4.9039351851851855E-2</v>
      </c>
      <c r="C527">
        <v>34.631999999999998</v>
      </c>
      <c r="D527">
        <v>69.263999999999996</v>
      </c>
    </row>
    <row r="528" spans="1:4" x14ac:dyDescent="0.25">
      <c r="A528" s="1">
        <v>41771</v>
      </c>
      <c r="B528" s="2">
        <v>5.1782407407407409E-2</v>
      </c>
      <c r="C528">
        <v>34.698599999999999</v>
      </c>
      <c r="D528">
        <v>69.397199999999998</v>
      </c>
    </row>
    <row r="529" spans="1:4" x14ac:dyDescent="0.25">
      <c r="A529" s="1">
        <v>41771</v>
      </c>
      <c r="B529" s="2">
        <v>5.4699074074074074E-2</v>
      </c>
      <c r="C529">
        <v>34.7652</v>
      </c>
      <c r="D529">
        <v>69.5304</v>
      </c>
    </row>
    <row r="530" spans="1:4" x14ac:dyDescent="0.25">
      <c r="A530" s="1">
        <v>41771</v>
      </c>
      <c r="B530" s="2">
        <v>5.7604166666666672E-2</v>
      </c>
      <c r="C530">
        <v>34.831799999999994</v>
      </c>
      <c r="D530">
        <v>69.663599999999988</v>
      </c>
    </row>
    <row r="531" spans="1:4" x14ac:dyDescent="0.25">
      <c r="A531" s="1">
        <v>41771</v>
      </c>
      <c r="B531" s="2">
        <v>6.0706018518518513E-2</v>
      </c>
      <c r="C531">
        <v>34.898399999999995</v>
      </c>
      <c r="D531">
        <v>69.79679999999999</v>
      </c>
    </row>
    <row r="532" spans="1:4" x14ac:dyDescent="0.25">
      <c r="A532" s="1">
        <v>41771</v>
      </c>
      <c r="B532" s="2">
        <v>6.3807870370370376E-2</v>
      </c>
      <c r="C532">
        <v>34.965000000000003</v>
      </c>
      <c r="D532">
        <v>69.930000000000007</v>
      </c>
    </row>
    <row r="533" spans="1:4" x14ac:dyDescent="0.25">
      <c r="A533" s="1">
        <v>41771</v>
      </c>
      <c r="B533" s="2">
        <v>6.7094907407407409E-2</v>
      </c>
      <c r="C533">
        <v>35.031599999999997</v>
      </c>
      <c r="D533">
        <v>70.063199999999995</v>
      </c>
    </row>
    <row r="534" spans="1:4" x14ac:dyDescent="0.25">
      <c r="A534" s="1">
        <v>41771</v>
      </c>
      <c r="B534" s="2">
        <v>7.0358796296296308E-2</v>
      </c>
      <c r="C534">
        <v>35.098199999999999</v>
      </c>
      <c r="D534">
        <v>70.196399999999997</v>
      </c>
    </row>
    <row r="535" spans="1:4" x14ac:dyDescent="0.25">
      <c r="A535" s="1">
        <v>41771</v>
      </c>
      <c r="B535" s="2">
        <v>7.3888888888888893E-2</v>
      </c>
      <c r="C535">
        <v>35.164799999999993</v>
      </c>
      <c r="D535">
        <v>70.329599999999985</v>
      </c>
    </row>
    <row r="536" spans="1:4" x14ac:dyDescent="0.25">
      <c r="A536" s="1">
        <v>41771</v>
      </c>
      <c r="B536" s="2">
        <v>7.7372685185185183E-2</v>
      </c>
      <c r="C536">
        <v>35.231399999999994</v>
      </c>
      <c r="D536">
        <v>70.462799999999987</v>
      </c>
    </row>
    <row r="537" spans="1:4" x14ac:dyDescent="0.25">
      <c r="A537" s="1">
        <v>41771</v>
      </c>
      <c r="B537" s="2">
        <v>8.1134259259259267E-2</v>
      </c>
      <c r="C537">
        <v>35.298000000000002</v>
      </c>
      <c r="D537">
        <v>70.596000000000004</v>
      </c>
    </row>
    <row r="538" spans="1:4" x14ac:dyDescent="0.25">
      <c r="A538" s="1">
        <v>41771</v>
      </c>
      <c r="B538" s="2">
        <v>8.487268518518519E-2</v>
      </c>
      <c r="C538">
        <v>35.364599999999996</v>
      </c>
      <c r="D538">
        <v>70.729199999999992</v>
      </c>
    </row>
    <row r="539" spans="1:4" x14ac:dyDescent="0.25">
      <c r="A539" s="1">
        <v>41771</v>
      </c>
      <c r="B539" s="2">
        <v>8.8935185185185187E-2</v>
      </c>
      <c r="C539">
        <v>35.431199999999997</v>
      </c>
      <c r="D539">
        <v>70.862399999999994</v>
      </c>
    </row>
    <row r="540" spans="1:4" x14ac:dyDescent="0.25">
      <c r="A540" s="1">
        <v>41771</v>
      </c>
      <c r="B540" s="2">
        <v>9.2962962962962969E-2</v>
      </c>
      <c r="C540">
        <v>35.497799999999998</v>
      </c>
      <c r="D540">
        <v>70.995599999999996</v>
      </c>
    </row>
    <row r="541" spans="1:4" x14ac:dyDescent="0.25">
      <c r="A541" s="1">
        <v>41771</v>
      </c>
      <c r="B541" s="2">
        <v>9.7395833333333334E-2</v>
      </c>
      <c r="C541">
        <v>35.564399999999992</v>
      </c>
      <c r="D541">
        <v>71.128799999999984</v>
      </c>
    </row>
    <row r="542" spans="1:4" x14ac:dyDescent="0.25">
      <c r="A542" s="1">
        <v>41771</v>
      </c>
      <c r="B542" s="2">
        <v>0.10179398148148149</v>
      </c>
      <c r="C542">
        <v>35.631</v>
      </c>
      <c r="D542">
        <v>71.262</v>
      </c>
    </row>
    <row r="543" spans="1:4" x14ac:dyDescent="0.25">
      <c r="A543" s="1">
        <v>41771</v>
      </c>
      <c r="B543" s="2">
        <v>0.10662037037037037</v>
      </c>
      <c r="C543">
        <v>35.697600000000001</v>
      </c>
      <c r="D543">
        <v>71.395200000000003</v>
      </c>
    </row>
    <row r="544" spans="1:4" x14ac:dyDescent="0.25">
      <c r="A544" s="1">
        <v>41771</v>
      </c>
      <c r="B544" s="2">
        <v>0.11138888888888888</v>
      </c>
      <c r="C544">
        <v>35.764199999999995</v>
      </c>
      <c r="D544">
        <v>71.528399999999991</v>
      </c>
    </row>
    <row r="545" spans="1:4" x14ac:dyDescent="0.25">
      <c r="A545" s="1">
        <v>41771</v>
      </c>
      <c r="B545" s="2">
        <v>0.11663194444444445</v>
      </c>
      <c r="C545">
        <v>35.830799999999996</v>
      </c>
      <c r="D545">
        <v>71.661599999999993</v>
      </c>
    </row>
    <row r="546" spans="1:4" x14ac:dyDescent="0.25">
      <c r="A546" s="1">
        <v>41771</v>
      </c>
      <c r="B546" s="2">
        <v>0.1218287037037037</v>
      </c>
      <c r="C546">
        <v>35.897399999999998</v>
      </c>
      <c r="D546">
        <v>71.794799999999995</v>
      </c>
    </row>
    <row r="547" spans="1:4" x14ac:dyDescent="0.25">
      <c r="A547" s="1">
        <v>41771</v>
      </c>
      <c r="B547" s="2">
        <v>0.12753472222222223</v>
      </c>
      <c r="C547">
        <v>35.963999999999999</v>
      </c>
      <c r="D547">
        <v>71.927999999999997</v>
      </c>
    </row>
    <row r="548" spans="1:4" x14ac:dyDescent="0.25">
      <c r="A548" s="1">
        <v>41771</v>
      </c>
      <c r="B548" s="2">
        <v>0.13315972222222222</v>
      </c>
      <c r="C548">
        <v>36.0306</v>
      </c>
      <c r="D548">
        <v>72.061199999999999</v>
      </c>
    </row>
    <row r="549" spans="1:4" x14ac:dyDescent="0.25">
      <c r="A549" s="1">
        <v>41771</v>
      </c>
      <c r="B549" s="2">
        <v>0.13925925925925928</v>
      </c>
      <c r="C549">
        <v>36.097199999999994</v>
      </c>
      <c r="D549">
        <v>72.194399999999987</v>
      </c>
    </row>
    <row r="550" spans="1:4" x14ac:dyDescent="0.25">
      <c r="A550" s="1">
        <v>41771</v>
      </c>
      <c r="B550" s="2">
        <v>0.14548611111111112</v>
      </c>
      <c r="C550">
        <v>36.163799999999995</v>
      </c>
      <c r="D550">
        <v>72.32759999999999</v>
      </c>
    </row>
    <row r="551" spans="1:4" x14ac:dyDescent="0.25">
      <c r="A551" s="1">
        <v>41771</v>
      </c>
      <c r="B551" s="2">
        <v>0.1521875</v>
      </c>
      <c r="C551">
        <v>36.230399999999996</v>
      </c>
      <c r="D551">
        <v>72.460799999999992</v>
      </c>
    </row>
    <row r="552" spans="1:4" x14ac:dyDescent="0.25">
      <c r="A552" s="1">
        <v>41771</v>
      </c>
      <c r="B552" s="2">
        <v>0.15899305555555557</v>
      </c>
      <c r="C552">
        <v>36.296999999999997</v>
      </c>
      <c r="D552">
        <v>72.593999999999994</v>
      </c>
    </row>
    <row r="553" spans="1:4" x14ac:dyDescent="0.25">
      <c r="A553" s="1">
        <v>41771</v>
      </c>
      <c r="B553" s="2">
        <v>0.16633101851851853</v>
      </c>
      <c r="C553">
        <v>36.363599999999998</v>
      </c>
      <c r="D553">
        <v>72.727199999999996</v>
      </c>
    </row>
    <row r="554" spans="1:4" x14ac:dyDescent="0.25">
      <c r="A554" s="1">
        <v>41771</v>
      </c>
      <c r="B554" s="2">
        <v>0.17373842592592592</v>
      </c>
      <c r="C554">
        <v>36.430199999999999</v>
      </c>
      <c r="D554">
        <v>72.860399999999998</v>
      </c>
    </row>
    <row r="555" spans="1:4" x14ac:dyDescent="0.25">
      <c r="A555" s="1">
        <v>41771</v>
      </c>
      <c r="B555" s="2">
        <v>0.18186342592592594</v>
      </c>
      <c r="C555">
        <v>36.496799999999993</v>
      </c>
      <c r="D555">
        <v>72.993599999999986</v>
      </c>
    </row>
    <row r="556" spans="1:4" x14ac:dyDescent="0.25">
      <c r="A556" s="1">
        <v>41771</v>
      </c>
      <c r="B556" s="2">
        <v>0.19001157407407407</v>
      </c>
      <c r="C556">
        <v>36.563399999999994</v>
      </c>
      <c r="D556">
        <v>73.126799999999989</v>
      </c>
    </row>
    <row r="557" spans="1:4" x14ac:dyDescent="0.25">
      <c r="A557" s="1">
        <v>41771</v>
      </c>
      <c r="B557" s="2">
        <v>0.19891203703703705</v>
      </c>
      <c r="C557">
        <v>36.630000000000003</v>
      </c>
      <c r="D557">
        <v>73.260000000000005</v>
      </c>
    </row>
    <row r="558" spans="1:4" x14ac:dyDescent="0.25">
      <c r="A558" s="1">
        <v>41771</v>
      </c>
      <c r="B558" s="2">
        <v>0.20787037037037037</v>
      </c>
      <c r="C558">
        <v>36.696599999999997</v>
      </c>
      <c r="D558">
        <v>73.393199999999993</v>
      </c>
    </row>
    <row r="559" spans="1:4" x14ac:dyDescent="0.25">
      <c r="A559" s="1">
        <v>41771</v>
      </c>
      <c r="B559" s="2">
        <v>0.2177199074074074</v>
      </c>
      <c r="C559">
        <v>36.763199999999998</v>
      </c>
      <c r="D559">
        <v>73.526399999999995</v>
      </c>
    </row>
    <row r="560" spans="1:4" x14ac:dyDescent="0.25">
      <c r="A560" s="1">
        <v>41771</v>
      </c>
      <c r="B560" s="2">
        <v>0.22765046296296296</v>
      </c>
      <c r="C560">
        <v>36.829799999999999</v>
      </c>
      <c r="D560">
        <v>73.659599999999998</v>
      </c>
    </row>
    <row r="561" spans="1:4" x14ac:dyDescent="0.25">
      <c r="A561" s="1">
        <v>41771</v>
      </c>
      <c r="B561" s="2">
        <v>0.23864583333333333</v>
      </c>
      <c r="C561">
        <v>36.896399999999993</v>
      </c>
      <c r="D561">
        <v>73.792799999999986</v>
      </c>
    </row>
    <row r="562" spans="1:4" x14ac:dyDescent="0.25">
      <c r="A562" s="1">
        <v>41771</v>
      </c>
      <c r="B562" s="2">
        <v>0.24969907407407407</v>
      </c>
      <c r="C562">
        <v>36.963000000000001</v>
      </c>
      <c r="D562">
        <v>73.926000000000002</v>
      </c>
    </row>
    <row r="563" spans="1:4" x14ac:dyDescent="0.25">
      <c r="A563" s="1">
        <v>41771</v>
      </c>
      <c r="B563" s="2">
        <v>0.26167824074074075</v>
      </c>
      <c r="C563">
        <v>37.029600000000002</v>
      </c>
      <c r="D563">
        <v>74.059200000000004</v>
      </c>
    </row>
    <row r="564" spans="1:4" x14ac:dyDescent="0.25">
      <c r="A564" s="1">
        <v>41771</v>
      </c>
      <c r="B564" s="2">
        <v>0.27381944444444445</v>
      </c>
      <c r="C564">
        <v>37.096199999999996</v>
      </c>
      <c r="D564">
        <v>74.192399999999992</v>
      </c>
    </row>
    <row r="565" spans="1:4" x14ac:dyDescent="0.25">
      <c r="A565" s="1">
        <v>41771</v>
      </c>
      <c r="B565" s="2">
        <v>0.28716435185185185</v>
      </c>
      <c r="C565">
        <v>37.162799999999997</v>
      </c>
      <c r="D565">
        <v>74.325599999999994</v>
      </c>
    </row>
    <row r="566" spans="1:4" x14ac:dyDescent="0.25">
      <c r="A566" s="1">
        <v>41771</v>
      </c>
      <c r="B566" s="2">
        <v>0.30063657407407407</v>
      </c>
      <c r="C566">
        <v>37.229399999999991</v>
      </c>
      <c r="D566">
        <v>74.458799999999982</v>
      </c>
    </row>
    <row r="567" spans="1:4" x14ac:dyDescent="0.25">
      <c r="A567" s="1">
        <v>41771</v>
      </c>
      <c r="B567" s="2">
        <v>0.3153009259259259</v>
      </c>
      <c r="C567">
        <v>37.295999999999999</v>
      </c>
      <c r="D567">
        <v>74.591999999999999</v>
      </c>
    </row>
    <row r="568" spans="1:4" x14ac:dyDescent="0.25">
      <c r="A568" s="1">
        <v>41771</v>
      </c>
      <c r="B568" s="2">
        <v>0.33042824074074073</v>
      </c>
      <c r="C568">
        <v>37.3626</v>
      </c>
      <c r="D568">
        <v>74.725200000000001</v>
      </c>
    </row>
    <row r="569" spans="1:4" x14ac:dyDescent="0.25">
      <c r="A569" s="1">
        <v>41771</v>
      </c>
      <c r="B569" s="2">
        <v>0.34711805555555553</v>
      </c>
      <c r="C569">
        <v>37.429199999999994</v>
      </c>
      <c r="D569">
        <v>74.858399999999989</v>
      </c>
    </row>
    <row r="570" spans="1:4" x14ac:dyDescent="0.25">
      <c r="A570" s="1">
        <v>41771</v>
      </c>
      <c r="B570" s="2">
        <v>0.36379629629629634</v>
      </c>
      <c r="C570">
        <v>37.495799999999996</v>
      </c>
      <c r="D570">
        <v>74.991599999999991</v>
      </c>
    </row>
    <row r="571" spans="1:4" x14ac:dyDescent="0.25">
      <c r="A571" s="1">
        <v>41771</v>
      </c>
      <c r="B571" s="2">
        <v>0.38195601851851851</v>
      </c>
      <c r="C571">
        <v>37.562399999999997</v>
      </c>
      <c r="D571">
        <v>75.124799999999993</v>
      </c>
    </row>
    <row r="572" spans="1:4" x14ac:dyDescent="0.25">
      <c r="A572" s="1">
        <v>41771</v>
      </c>
      <c r="B572" s="2">
        <v>0.40050925925925923</v>
      </c>
      <c r="C572">
        <v>37.628999999999998</v>
      </c>
      <c r="D572">
        <v>75.257999999999996</v>
      </c>
    </row>
    <row r="573" spans="1:4" x14ac:dyDescent="0.25">
      <c r="A573" s="1">
        <v>41771</v>
      </c>
      <c r="B573" s="2">
        <v>0.42046296296296298</v>
      </c>
      <c r="C573">
        <v>37.695599999999999</v>
      </c>
      <c r="D573">
        <v>75.391199999999998</v>
      </c>
    </row>
    <row r="574" spans="1:4" x14ac:dyDescent="0.25">
      <c r="A574" s="1">
        <v>41771</v>
      </c>
      <c r="B574" s="2">
        <v>0.4412152777777778</v>
      </c>
      <c r="C574">
        <v>37.7622</v>
      </c>
      <c r="D574">
        <v>75.5244</v>
      </c>
    </row>
    <row r="575" spans="1:4" x14ac:dyDescent="0.25">
      <c r="A575" s="1">
        <v>41771</v>
      </c>
      <c r="B575" s="2">
        <v>0.46409722222222222</v>
      </c>
      <c r="C575">
        <v>37.828799999999994</v>
      </c>
      <c r="D575">
        <v>75.657599999999988</v>
      </c>
    </row>
    <row r="576" spans="1:4" x14ac:dyDescent="0.25">
      <c r="A576" s="1">
        <v>41771</v>
      </c>
      <c r="B576" s="2">
        <v>0.48783564814814812</v>
      </c>
      <c r="C576">
        <v>37.895399999999995</v>
      </c>
      <c r="D576">
        <v>75.79079999999999</v>
      </c>
    </row>
    <row r="577" spans="1:4" x14ac:dyDescent="0.25">
      <c r="A577" s="1">
        <v>41771</v>
      </c>
      <c r="B577" s="2">
        <v>0.51377314814814812</v>
      </c>
      <c r="C577">
        <v>37.962000000000003</v>
      </c>
      <c r="D577">
        <v>75.924000000000007</v>
      </c>
    </row>
    <row r="578" spans="1:4" x14ac:dyDescent="0.25">
      <c r="A578" s="1">
        <v>41771</v>
      </c>
      <c r="B578" s="2">
        <v>0.54083333333333339</v>
      </c>
      <c r="C578">
        <v>38.028599999999997</v>
      </c>
      <c r="D578">
        <v>76.057199999999995</v>
      </c>
    </row>
    <row r="579" spans="1:4" x14ac:dyDescent="0.25">
      <c r="A579" s="1">
        <v>41771</v>
      </c>
      <c r="B579" s="2">
        <v>0.57023148148148151</v>
      </c>
      <c r="C579">
        <v>38.095199999999998</v>
      </c>
      <c r="D579">
        <v>76.190399999999997</v>
      </c>
    </row>
    <row r="580" spans="1:4" x14ac:dyDescent="0.25">
      <c r="A580" s="1">
        <v>41771</v>
      </c>
      <c r="B580" s="2">
        <v>0.6020833333333333</v>
      </c>
      <c r="C580">
        <v>38.161799999999992</v>
      </c>
      <c r="D580">
        <v>76.323599999999985</v>
      </c>
    </row>
    <row r="581" spans="1:4" x14ac:dyDescent="0.25">
      <c r="A581" s="1">
        <v>41771</v>
      </c>
      <c r="B581" s="2">
        <v>0.63760416666666664</v>
      </c>
      <c r="C581">
        <v>38.228399999999993</v>
      </c>
      <c r="D581">
        <v>76.456799999999987</v>
      </c>
    </row>
    <row r="582" spans="1:4" x14ac:dyDescent="0.25">
      <c r="A582" s="1">
        <v>41771</v>
      </c>
      <c r="B582" s="2">
        <v>0.67447916666666663</v>
      </c>
      <c r="C582">
        <v>38.295000000000002</v>
      </c>
      <c r="D582">
        <v>76.59</v>
      </c>
    </row>
    <row r="583" spans="1:4" x14ac:dyDescent="0.25">
      <c r="A583" s="1">
        <v>41771</v>
      </c>
      <c r="B583" s="2">
        <v>0.71457175925925931</v>
      </c>
      <c r="C583">
        <v>38.361599999999996</v>
      </c>
      <c r="D583">
        <v>76.723199999999991</v>
      </c>
    </row>
    <row r="584" spans="1:4" x14ac:dyDescent="0.25">
      <c r="A584" s="1">
        <v>41771</v>
      </c>
      <c r="B584" s="2">
        <v>0.75501157407407404</v>
      </c>
      <c r="C584">
        <v>38.428199999999997</v>
      </c>
      <c r="D584">
        <v>76.856399999999994</v>
      </c>
    </row>
    <row r="585" spans="1:4" x14ac:dyDescent="0.25">
      <c r="A585" s="1">
        <v>41771</v>
      </c>
      <c r="B585" s="2">
        <v>0.80047453703703697</v>
      </c>
      <c r="C585">
        <v>38.494799999999998</v>
      </c>
      <c r="D585">
        <v>76.989599999999996</v>
      </c>
    </row>
    <row r="586" spans="1:4" x14ac:dyDescent="0.25">
      <c r="A586" s="1">
        <v>41771</v>
      </c>
      <c r="B586" s="2">
        <v>0.84689814814814823</v>
      </c>
      <c r="C586">
        <v>38.561399999999992</v>
      </c>
      <c r="D586">
        <v>77.122799999999984</v>
      </c>
    </row>
    <row r="587" spans="1:4" x14ac:dyDescent="0.25">
      <c r="A587" s="1">
        <v>41771</v>
      </c>
      <c r="B587" s="2">
        <v>0.89872685185185175</v>
      </c>
      <c r="C587">
        <v>38.628</v>
      </c>
      <c r="D587">
        <v>77.256</v>
      </c>
    </row>
    <row r="588" spans="1:4" x14ac:dyDescent="0.25">
      <c r="A588" s="1">
        <v>41771</v>
      </c>
      <c r="B588" s="2">
        <v>0.95150462962962967</v>
      </c>
      <c r="C588">
        <v>38.694600000000001</v>
      </c>
      <c r="D588">
        <v>77.389200000000002</v>
      </c>
    </row>
    <row r="589" spans="1:4" x14ac:dyDescent="0.25">
      <c r="A589" s="1">
        <v>41772</v>
      </c>
      <c r="B589" s="2">
        <v>9.4675925925925917E-3</v>
      </c>
      <c r="C589">
        <v>38.761199999999995</v>
      </c>
      <c r="D589">
        <v>77.52239999999999</v>
      </c>
    </row>
    <row r="590" spans="1:4" x14ac:dyDescent="0.25">
      <c r="A590" s="1">
        <v>41772</v>
      </c>
      <c r="B590" s="2">
        <v>6.8032407407407403E-2</v>
      </c>
      <c r="C590">
        <v>38.827799999999996</v>
      </c>
      <c r="D590">
        <v>77.655599999999993</v>
      </c>
    </row>
    <row r="591" spans="1:4" x14ac:dyDescent="0.25">
      <c r="A591" s="1">
        <v>41772</v>
      </c>
      <c r="B591" s="2">
        <v>0.13195601851851851</v>
      </c>
      <c r="C591">
        <v>38.894399999999997</v>
      </c>
      <c r="D591">
        <v>77.788799999999995</v>
      </c>
    </row>
    <row r="592" spans="1:4" x14ac:dyDescent="0.25">
      <c r="A592" s="1">
        <v>41772</v>
      </c>
      <c r="B592" s="2">
        <v>0.19608796296296296</v>
      </c>
      <c r="C592">
        <v>38.960999999999999</v>
      </c>
      <c r="D592">
        <v>77.921999999999997</v>
      </c>
    </row>
    <row r="593" spans="1:4" x14ac:dyDescent="0.25">
      <c r="A593" s="1">
        <v>41772</v>
      </c>
      <c r="B593" s="2">
        <v>0.26653935185185185</v>
      </c>
      <c r="C593">
        <v>39.0276</v>
      </c>
      <c r="D593">
        <v>78.055199999999999</v>
      </c>
    </row>
    <row r="594" spans="1:4" x14ac:dyDescent="0.25">
      <c r="A594" s="1">
        <v>41772</v>
      </c>
      <c r="B594" s="2">
        <v>0.31995370370370368</v>
      </c>
      <c r="C594">
        <v>39.094199999999994</v>
      </c>
      <c r="D594">
        <v>78.188399999999987</v>
      </c>
    </row>
    <row r="595" spans="1:4" x14ac:dyDescent="0.25">
      <c r="A595" s="1">
        <v>41772</v>
      </c>
      <c r="B595" s="2">
        <v>0.34263888888888888</v>
      </c>
      <c r="C595">
        <v>39.160799999999995</v>
      </c>
      <c r="D595">
        <v>78.321599999999989</v>
      </c>
    </row>
    <row r="596" spans="1:4" x14ac:dyDescent="0.25">
      <c r="A596" s="1">
        <v>41772</v>
      </c>
      <c r="B596" s="2">
        <v>0.37001157407407409</v>
      </c>
      <c r="C596">
        <v>39.227399999999996</v>
      </c>
      <c r="D596">
        <v>78.454799999999992</v>
      </c>
    </row>
    <row r="597" spans="1:4" x14ac:dyDescent="0.25">
      <c r="A597" s="1">
        <v>41772</v>
      </c>
      <c r="B597" s="2">
        <v>0.40098379629629632</v>
      </c>
      <c r="C597">
        <v>39.293999999999997</v>
      </c>
      <c r="D597">
        <v>78.587999999999994</v>
      </c>
    </row>
    <row r="598" spans="1:4" x14ac:dyDescent="0.25">
      <c r="A598" s="1">
        <v>41772</v>
      </c>
      <c r="B598" s="2">
        <v>0.4203587962962963</v>
      </c>
      <c r="C598">
        <v>39.360599999999998</v>
      </c>
      <c r="D598">
        <v>78.721199999999996</v>
      </c>
    </row>
    <row r="599" spans="1:4" x14ac:dyDescent="0.25">
      <c r="A599" s="1">
        <v>41772</v>
      </c>
      <c r="B599" s="2">
        <v>0.43298611111111113</v>
      </c>
      <c r="C599">
        <v>39.427199999999999</v>
      </c>
      <c r="D599">
        <v>78.854399999999998</v>
      </c>
    </row>
    <row r="600" spans="1:4" x14ac:dyDescent="0.25">
      <c r="A600" s="1">
        <v>41772</v>
      </c>
      <c r="B600" s="2">
        <v>0.44269675925925928</v>
      </c>
      <c r="C600">
        <v>39.493799999999993</v>
      </c>
      <c r="D600">
        <v>78.987599999999986</v>
      </c>
    </row>
    <row r="601" spans="1:4" x14ac:dyDescent="0.25">
      <c r="A601" s="1">
        <v>41772</v>
      </c>
      <c r="B601" s="2">
        <v>0.45124999999999998</v>
      </c>
      <c r="C601">
        <v>39.560399999999994</v>
      </c>
      <c r="D601">
        <v>79.120799999999988</v>
      </c>
    </row>
    <row r="602" spans="1:4" x14ac:dyDescent="0.25">
      <c r="A602" s="1">
        <v>41772</v>
      </c>
      <c r="B602" s="2">
        <v>0.45837962962962964</v>
      </c>
      <c r="C602">
        <v>39.627000000000002</v>
      </c>
      <c r="D602">
        <v>79.254000000000005</v>
      </c>
    </row>
    <row r="603" spans="1:4" x14ac:dyDescent="0.25">
      <c r="A603" s="1">
        <v>41772</v>
      </c>
      <c r="B603" s="2">
        <v>0.46414351851851854</v>
      </c>
      <c r="C603">
        <v>39.693599999999996</v>
      </c>
      <c r="D603">
        <v>79.387199999999993</v>
      </c>
    </row>
    <row r="604" spans="1:4" x14ac:dyDescent="0.25">
      <c r="A604" s="1">
        <v>41772</v>
      </c>
      <c r="B604" s="2">
        <v>0.46872685185185187</v>
      </c>
      <c r="C604">
        <v>39.760199999999998</v>
      </c>
      <c r="D604">
        <v>79.520399999999995</v>
      </c>
    </row>
    <row r="605" spans="1:4" x14ac:dyDescent="0.25">
      <c r="A605" s="1">
        <v>41772</v>
      </c>
      <c r="B605" s="2">
        <v>0.47300925925925924</v>
      </c>
      <c r="C605">
        <v>39.826799999999999</v>
      </c>
      <c r="D605">
        <v>79.653599999999997</v>
      </c>
    </row>
    <row r="606" spans="1:4" x14ac:dyDescent="0.25">
      <c r="A606" s="1">
        <v>41772</v>
      </c>
      <c r="B606" s="2">
        <v>0.47707175925925926</v>
      </c>
      <c r="C606">
        <v>39.893399999999993</v>
      </c>
      <c r="D606">
        <v>79.786799999999985</v>
      </c>
    </row>
    <row r="607" spans="1:4" x14ac:dyDescent="0.25">
      <c r="A607" s="1">
        <v>41772</v>
      </c>
      <c r="B607" s="2">
        <v>0.4808101851851852</v>
      </c>
      <c r="C607">
        <v>39.96</v>
      </c>
      <c r="D607">
        <v>79.92</v>
      </c>
    </row>
    <row r="608" spans="1:4" x14ac:dyDescent="0.25">
      <c r="A608" s="1">
        <v>41772</v>
      </c>
      <c r="B608" s="2">
        <v>0.4840740740740741</v>
      </c>
      <c r="C608">
        <v>40.026600000000002</v>
      </c>
      <c r="D608">
        <v>80.053200000000004</v>
      </c>
    </row>
    <row r="609" spans="1:4" x14ac:dyDescent="0.25">
      <c r="A609" s="1">
        <v>41772</v>
      </c>
      <c r="B609" s="2">
        <v>0.48699074074074072</v>
      </c>
      <c r="C609">
        <v>40.093199999999996</v>
      </c>
      <c r="D609">
        <v>80.186399999999992</v>
      </c>
    </row>
    <row r="610" spans="1:4" x14ac:dyDescent="0.25">
      <c r="A610" s="1">
        <v>41772</v>
      </c>
      <c r="B610" s="2">
        <v>0.48961805555555554</v>
      </c>
      <c r="C610">
        <v>40.159799999999997</v>
      </c>
      <c r="D610">
        <v>80.319599999999994</v>
      </c>
    </row>
    <row r="611" spans="1:4" x14ac:dyDescent="0.25">
      <c r="A611" s="1">
        <v>41772</v>
      </c>
      <c r="B611" s="2">
        <v>0.49210648148148151</v>
      </c>
      <c r="C611">
        <v>40.226399999999991</v>
      </c>
      <c r="D611">
        <v>80.452799999999982</v>
      </c>
    </row>
    <row r="612" spans="1:4" x14ac:dyDescent="0.25">
      <c r="A612" s="1">
        <v>41772</v>
      </c>
      <c r="B612" s="2">
        <v>0.49443287037037037</v>
      </c>
      <c r="C612">
        <v>40.292999999999999</v>
      </c>
      <c r="D612">
        <v>80.585999999999999</v>
      </c>
    </row>
    <row r="613" spans="1:4" x14ac:dyDescent="0.25">
      <c r="A613" s="1">
        <v>41772</v>
      </c>
      <c r="B613" s="2">
        <v>0.49668981481481483</v>
      </c>
      <c r="C613">
        <v>40.3596</v>
      </c>
      <c r="D613">
        <v>80.719200000000001</v>
      </c>
    </row>
    <row r="614" spans="1:4" x14ac:dyDescent="0.25">
      <c r="A614" s="1">
        <v>41772</v>
      </c>
      <c r="B614" s="2">
        <v>0.49880787037037039</v>
      </c>
      <c r="C614">
        <v>40.426199999999994</v>
      </c>
      <c r="D614">
        <v>80.852399999999989</v>
      </c>
    </row>
    <row r="615" spans="1:4" x14ac:dyDescent="0.25">
      <c r="A615" s="1">
        <v>41772</v>
      </c>
      <c r="B615" s="2">
        <v>0.50094907407407407</v>
      </c>
      <c r="C615">
        <v>40.492799999999995</v>
      </c>
      <c r="D615">
        <v>80.985599999999991</v>
      </c>
    </row>
    <row r="616" spans="1:4" x14ac:dyDescent="0.25">
      <c r="A616" s="1">
        <v>41772</v>
      </c>
      <c r="B616" s="2">
        <v>0.50298611111111113</v>
      </c>
      <c r="C616">
        <v>40.559399999999997</v>
      </c>
      <c r="D616">
        <v>81.118799999999993</v>
      </c>
    </row>
    <row r="617" spans="1:4" x14ac:dyDescent="0.25">
      <c r="A617" s="1">
        <v>41772</v>
      </c>
      <c r="B617" s="2">
        <v>0.50510416666666669</v>
      </c>
      <c r="C617">
        <v>40.625999999999998</v>
      </c>
      <c r="D617">
        <v>81.251999999999995</v>
      </c>
    </row>
    <row r="618" spans="1:4" x14ac:dyDescent="0.25">
      <c r="A618" s="1">
        <v>41772</v>
      </c>
      <c r="B618" s="2">
        <v>0.50714120370370364</v>
      </c>
      <c r="C618">
        <v>40.692599999999999</v>
      </c>
      <c r="D618">
        <v>81.385199999999998</v>
      </c>
    </row>
    <row r="619" spans="1:4" x14ac:dyDescent="0.25">
      <c r="A619" s="1">
        <v>41772</v>
      </c>
      <c r="B619" s="2">
        <v>0.50927083333333334</v>
      </c>
      <c r="C619">
        <v>40.7592</v>
      </c>
      <c r="D619">
        <v>81.5184</v>
      </c>
    </row>
    <row r="620" spans="1:4" x14ac:dyDescent="0.25">
      <c r="A620" s="1">
        <v>41772</v>
      </c>
      <c r="B620" s="2">
        <v>0.51133101851851859</v>
      </c>
      <c r="C620">
        <v>40.825799999999994</v>
      </c>
      <c r="D620">
        <v>81.651599999999988</v>
      </c>
    </row>
    <row r="621" spans="1:4" x14ac:dyDescent="0.25">
      <c r="A621" s="1">
        <v>41772</v>
      </c>
      <c r="B621" s="2">
        <v>0.51348379629629626</v>
      </c>
      <c r="C621">
        <v>40.892399999999995</v>
      </c>
      <c r="D621">
        <v>81.78479999999999</v>
      </c>
    </row>
    <row r="622" spans="1:4" x14ac:dyDescent="0.25">
      <c r="A622" s="1">
        <v>41772</v>
      </c>
      <c r="B622" s="2">
        <v>0.51557870370370373</v>
      </c>
      <c r="C622">
        <v>40.959000000000003</v>
      </c>
      <c r="D622">
        <v>81.918000000000006</v>
      </c>
    </row>
    <row r="623" spans="1:4" x14ac:dyDescent="0.25">
      <c r="A623" s="1">
        <v>41772</v>
      </c>
      <c r="B623" s="2">
        <v>0.51777777777777778</v>
      </c>
      <c r="C623">
        <v>41.025599999999997</v>
      </c>
      <c r="D623">
        <v>82.051199999999994</v>
      </c>
    </row>
    <row r="624" spans="1:4" x14ac:dyDescent="0.25">
      <c r="A624" s="1">
        <v>41772</v>
      </c>
      <c r="B624" s="2">
        <v>0.51991898148148141</v>
      </c>
      <c r="C624">
        <v>41.092199999999998</v>
      </c>
      <c r="D624">
        <v>82.184399999999997</v>
      </c>
    </row>
    <row r="625" spans="1:4" x14ac:dyDescent="0.25">
      <c r="A625" s="1">
        <v>41772</v>
      </c>
      <c r="B625" s="2">
        <v>0.52216435185185184</v>
      </c>
      <c r="C625">
        <v>41.158799999999992</v>
      </c>
      <c r="D625">
        <v>82.317599999999985</v>
      </c>
    </row>
    <row r="626" spans="1:4" x14ac:dyDescent="0.25">
      <c r="A626" s="1">
        <v>41772</v>
      </c>
      <c r="B626" s="2">
        <v>0.52435185185185185</v>
      </c>
      <c r="C626">
        <v>41.225399999999993</v>
      </c>
      <c r="D626">
        <v>82.450799999999987</v>
      </c>
    </row>
    <row r="627" spans="1:4" x14ac:dyDescent="0.25">
      <c r="A627" s="1">
        <v>41772</v>
      </c>
      <c r="B627" s="2">
        <v>0.52666666666666673</v>
      </c>
      <c r="C627">
        <v>41.292000000000002</v>
      </c>
      <c r="D627">
        <v>82.584000000000003</v>
      </c>
    </row>
    <row r="628" spans="1:4" x14ac:dyDescent="0.25">
      <c r="A628" s="1">
        <v>41772</v>
      </c>
      <c r="B628" s="2">
        <v>0.52892361111111108</v>
      </c>
      <c r="C628">
        <v>41.358599999999996</v>
      </c>
      <c r="D628">
        <v>82.717199999999991</v>
      </c>
    </row>
    <row r="629" spans="1:4" x14ac:dyDescent="0.25">
      <c r="A629" s="1">
        <v>41772</v>
      </c>
      <c r="B629" s="2">
        <v>0.53131944444444446</v>
      </c>
      <c r="C629">
        <v>41.425199999999997</v>
      </c>
      <c r="D629">
        <v>82.850399999999993</v>
      </c>
    </row>
    <row r="630" spans="1:4" x14ac:dyDescent="0.25">
      <c r="A630" s="1">
        <v>41772</v>
      </c>
      <c r="B630" s="2">
        <v>0.53365740740740741</v>
      </c>
      <c r="C630">
        <v>41.491799999999998</v>
      </c>
      <c r="D630">
        <v>82.983599999999996</v>
      </c>
    </row>
    <row r="631" spans="1:4" x14ac:dyDescent="0.25">
      <c r="A631" s="1">
        <v>41772</v>
      </c>
      <c r="B631" s="2">
        <v>0.53614583333333332</v>
      </c>
      <c r="C631">
        <v>41.558399999999992</v>
      </c>
      <c r="D631">
        <v>83.116799999999984</v>
      </c>
    </row>
    <row r="632" spans="1:4" x14ac:dyDescent="0.25">
      <c r="A632" s="1">
        <v>41772</v>
      </c>
      <c r="B632" s="2">
        <v>0.53858796296296296</v>
      </c>
      <c r="C632">
        <v>41.625</v>
      </c>
      <c r="D632">
        <v>83.25</v>
      </c>
    </row>
    <row r="633" spans="1:4" x14ac:dyDescent="0.25">
      <c r="A633" s="1">
        <v>41772</v>
      </c>
      <c r="B633" s="2">
        <v>0.54120370370370374</v>
      </c>
      <c r="C633">
        <v>41.691600000000001</v>
      </c>
      <c r="D633">
        <v>83.383200000000002</v>
      </c>
    </row>
    <row r="634" spans="1:4" x14ac:dyDescent="0.25">
      <c r="A634" s="1">
        <v>41772</v>
      </c>
      <c r="B634" s="2">
        <v>0.54376157407407411</v>
      </c>
      <c r="C634">
        <v>41.758199999999995</v>
      </c>
      <c r="D634">
        <v>83.51639999999999</v>
      </c>
    </row>
    <row r="635" spans="1:4" x14ac:dyDescent="0.25">
      <c r="A635" s="1">
        <v>41772</v>
      </c>
      <c r="B635" s="2">
        <v>0.54650462962962965</v>
      </c>
      <c r="C635">
        <v>41.824799999999996</v>
      </c>
      <c r="D635">
        <v>83.649599999999992</v>
      </c>
    </row>
    <row r="636" spans="1:4" x14ac:dyDescent="0.25">
      <c r="A636" s="1">
        <v>41772</v>
      </c>
      <c r="B636" s="2">
        <v>0.54918981481481477</v>
      </c>
      <c r="C636">
        <v>41.891399999999997</v>
      </c>
      <c r="D636">
        <v>83.782799999999995</v>
      </c>
    </row>
    <row r="637" spans="1:4" x14ac:dyDescent="0.25">
      <c r="A637" s="1">
        <v>41772</v>
      </c>
      <c r="B637" s="2">
        <v>0.55203703703703699</v>
      </c>
      <c r="C637">
        <v>41.957999999999998</v>
      </c>
      <c r="D637">
        <v>83.915999999999997</v>
      </c>
    </row>
    <row r="638" spans="1:4" x14ac:dyDescent="0.25">
      <c r="A638" s="1">
        <v>41772</v>
      </c>
      <c r="B638" s="2">
        <v>0.55487268518518518</v>
      </c>
      <c r="C638">
        <v>42.0246</v>
      </c>
      <c r="D638">
        <v>84.049199999999999</v>
      </c>
    </row>
    <row r="639" spans="1:4" x14ac:dyDescent="0.25">
      <c r="A639" s="1">
        <v>41772</v>
      </c>
      <c r="B639" s="2">
        <v>0.55787037037037035</v>
      </c>
      <c r="C639">
        <v>42.091200000000001</v>
      </c>
      <c r="D639">
        <v>84.182400000000001</v>
      </c>
    </row>
    <row r="640" spans="1:4" x14ac:dyDescent="0.25">
      <c r="A640" s="1">
        <v>41772</v>
      </c>
      <c r="B640" s="2">
        <v>0.56086805555555552</v>
      </c>
      <c r="C640">
        <v>42.157799999999995</v>
      </c>
      <c r="D640">
        <v>84.315599999999989</v>
      </c>
    </row>
    <row r="641" spans="1:4" x14ac:dyDescent="0.25">
      <c r="A641" s="1">
        <v>41772</v>
      </c>
      <c r="B641" s="2">
        <v>0.56401620370370364</v>
      </c>
      <c r="C641">
        <v>42.224399999999996</v>
      </c>
      <c r="D641">
        <v>84.448799999999991</v>
      </c>
    </row>
    <row r="642" spans="1:4" x14ac:dyDescent="0.25">
      <c r="A642" s="1">
        <v>41772</v>
      </c>
      <c r="B642" s="2">
        <v>0.56719907407407411</v>
      </c>
      <c r="C642">
        <v>42.290999999999997</v>
      </c>
      <c r="D642">
        <v>84.581999999999994</v>
      </c>
    </row>
    <row r="643" spans="1:4" x14ac:dyDescent="0.25">
      <c r="A643" s="1">
        <v>41772</v>
      </c>
      <c r="B643" s="2">
        <v>0.57054398148148155</v>
      </c>
      <c r="C643">
        <v>42.357599999999998</v>
      </c>
      <c r="D643">
        <v>84.715199999999996</v>
      </c>
    </row>
    <row r="644" spans="1:4" x14ac:dyDescent="0.25">
      <c r="A644" s="1">
        <v>41772</v>
      </c>
      <c r="B644" s="2">
        <v>0.57391203703703708</v>
      </c>
      <c r="C644">
        <v>42.424199999999999</v>
      </c>
      <c r="D644">
        <v>84.848399999999998</v>
      </c>
    </row>
    <row r="645" spans="1:4" x14ac:dyDescent="0.25">
      <c r="A645" s="1">
        <v>41772</v>
      </c>
      <c r="B645" s="2">
        <v>0.57750000000000001</v>
      </c>
      <c r="C645">
        <v>42.490799999999993</v>
      </c>
      <c r="D645">
        <v>84.981599999999986</v>
      </c>
    </row>
    <row r="646" spans="1:4" x14ac:dyDescent="0.25">
      <c r="A646" s="1">
        <v>41772</v>
      </c>
      <c r="B646" s="2">
        <v>0.58108796296296295</v>
      </c>
      <c r="C646">
        <v>42.557399999999994</v>
      </c>
      <c r="D646">
        <v>85.114799999999988</v>
      </c>
    </row>
    <row r="647" spans="1:4" x14ac:dyDescent="0.25">
      <c r="A647" s="1">
        <v>41772</v>
      </c>
      <c r="B647" s="2">
        <v>0.58488425925925924</v>
      </c>
      <c r="C647">
        <v>42.624000000000002</v>
      </c>
      <c r="D647">
        <v>85.248000000000005</v>
      </c>
    </row>
    <row r="648" spans="1:4" x14ac:dyDescent="0.25">
      <c r="A648" s="1">
        <v>41772</v>
      </c>
      <c r="B648" s="2">
        <v>0.58870370370370373</v>
      </c>
      <c r="C648">
        <v>42.690599999999996</v>
      </c>
      <c r="D648">
        <v>85.381199999999993</v>
      </c>
    </row>
    <row r="649" spans="1:4" x14ac:dyDescent="0.25">
      <c r="A649" s="1">
        <v>41772</v>
      </c>
      <c r="B649" s="2">
        <v>0.5927662037037037</v>
      </c>
      <c r="C649">
        <v>42.757199999999997</v>
      </c>
      <c r="D649">
        <v>85.514399999999995</v>
      </c>
    </row>
    <row r="650" spans="1:4" x14ac:dyDescent="0.25">
      <c r="A650" s="1">
        <v>41772</v>
      </c>
      <c r="B650" s="2">
        <v>0.59689814814814812</v>
      </c>
      <c r="C650">
        <v>42.823799999999999</v>
      </c>
      <c r="D650">
        <v>85.647599999999997</v>
      </c>
    </row>
    <row r="651" spans="1:4" x14ac:dyDescent="0.25">
      <c r="A651" s="1">
        <v>41772</v>
      </c>
      <c r="B651" s="2">
        <v>0.60127314814814814</v>
      </c>
      <c r="C651">
        <v>42.890399999999993</v>
      </c>
      <c r="D651">
        <v>85.780799999999985</v>
      </c>
    </row>
    <row r="652" spans="1:4" x14ac:dyDescent="0.25">
      <c r="A652" s="1">
        <v>41772</v>
      </c>
      <c r="B652" s="2">
        <v>0.60567129629629635</v>
      </c>
      <c r="C652">
        <v>42.956999999999994</v>
      </c>
      <c r="D652">
        <v>85.913999999999987</v>
      </c>
    </row>
    <row r="653" spans="1:4" x14ac:dyDescent="0.25">
      <c r="A653" s="1">
        <v>41772</v>
      </c>
      <c r="B653" s="2">
        <v>0.6103587962962963</v>
      </c>
      <c r="C653">
        <v>43.023600000000002</v>
      </c>
      <c r="D653">
        <v>86.047200000000004</v>
      </c>
    </row>
    <row r="654" spans="1:4" x14ac:dyDescent="0.25">
      <c r="A654" s="1">
        <v>41772</v>
      </c>
      <c r="B654" s="2">
        <v>0.61499999999999999</v>
      </c>
      <c r="C654">
        <v>43.090199999999996</v>
      </c>
      <c r="D654">
        <v>86.180399999999992</v>
      </c>
    </row>
    <row r="655" spans="1:4" x14ac:dyDescent="0.25">
      <c r="A655" s="1">
        <v>41772</v>
      </c>
      <c r="B655" s="2">
        <v>0.62002314814814818</v>
      </c>
      <c r="C655">
        <v>43.156799999999997</v>
      </c>
      <c r="D655">
        <v>86.313599999999994</v>
      </c>
    </row>
    <row r="656" spans="1:4" x14ac:dyDescent="0.25">
      <c r="A656" s="1">
        <v>41772</v>
      </c>
      <c r="B656" s="2">
        <v>0.62498842592592596</v>
      </c>
      <c r="C656">
        <v>43.223399999999991</v>
      </c>
      <c r="D656">
        <v>86.446799999999982</v>
      </c>
    </row>
    <row r="657" spans="1:4" x14ac:dyDescent="0.25">
      <c r="A657" s="1">
        <v>41772</v>
      </c>
      <c r="B657" s="2">
        <v>0.63026620370370368</v>
      </c>
      <c r="C657">
        <v>43.289999999999992</v>
      </c>
      <c r="D657">
        <v>86.579999999999984</v>
      </c>
    </row>
    <row r="658" spans="1:4" x14ac:dyDescent="0.25">
      <c r="A658" s="1">
        <v>41772</v>
      </c>
      <c r="B658" s="2">
        <v>0.63550925925925927</v>
      </c>
      <c r="C658">
        <v>43.3566</v>
      </c>
      <c r="D658">
        <v>86.713200000000001</v>
      </c>
    </row>
    <row r="659" spans="1:4" x14ac:dyDescent="0.25">
      <c r="A659" s="1">
        <v>41772</v>
      </c>
      <c r="B659" s="2">
        <v>0.64109953703703704</v>
      </c>
      <c r="C659">
        <v>43.423199999999994</v>
      </c>
      <c r="D659">
        <v>86.846399999999988</v>
      </c>
    </row>
    <row r="660" spans="1:4" x14ac:dyDescent="0.25">
      <c r="A660" s="1">
        <v>41772</v>
      </c>
      <c r="B660" s="2">
        <v>0.64660879629629631</v>
      </c>
      <c r="C660">
        <v>43.489799999999995</v>
      </c>
      <c r="D660">
        <v>86.979599999999991</v>
      </c>
    </row>
    <row r="661" spans="1:4" x14ac:dyDescent="0.25">
      <c r="A661" s="1">
        <v>41772</v>
      </c>
      <c r="B661" s="2">
        <v>0.65244212962962966</v>
      </c>
      <c r="C661">
        <v>43.556399999999996</v>
      </c>
      <c r="D661">
        <v>87.112799999999993</v>
      </c>
    </row>
    <row r="662" spans="1:4" x14ac:dyDescent="0.25">
      <c r="A662" s="1">
        <v>41772</v>
      </c>
      <c r="B662" s="2">
        <v>0.65827546296296291</v>
      </c>
      <c r="C662">
        <v>43.62299999999999</v>
      </c>
      <c r="D662">
        <v>87.245999999999981</v>
      </c>
    </row>
    <row r="663" spans="1:4" x14ac:dyDescent="0.25">
      <c r="A663" s="1">
        <v>41772</v>
      </c>
      <c r="B663" s="2">
        <v>0.66445601851851854</v>
      </c>
      <c r="C663">
        <v>43.689599999999999</v>
      </c>
      <c r="D663">
        <v>87.379199999999997</v>
      </c>
    </row>
    <row r="664" spans="1:4" x14ac:dyDescent="0.25">
      <c r="A664" s="1">
        <v>41772</v>
      </c>
      <c r="B664" s="2">
        <v>0.67062499999999992</v>
      </c>
      <c r="C664">
        <v>43.7562</v>
      </c>
      <c r="D664">
        <v>87.5124</v>
      </c>
    </row>
    <row r="665" spans="1:4" x14ac:dyDescent="0.25">
      <c r="A665" s="1">
        <v>41772</v>
      </c>
      <c r="B665" s="2">
        <v>0.67715277777777771</v>
      </c>
      <c r="C665">
        <v>43.822799999999994</v>
      </c>
      <c r="D665">
        <v>87.645599999999988</v>
      </c>
    </row>
    <row r="666" spans="1:4" x14ac:dyDescent="0.25">
      <c r="A666" s="1">
        <v>41772</v>
      </c>
      <c r="B666" s="2">
        <v>0.68364583333333329</v>
      </c>
      <c r="C666">
        <v>43.889399999999995</v>
      </c>
      <c r="D666">
        <v>87.77879999999999</v>
      </c>
    </row>
    <row r="667" spans="1:4" x14ac:dyDescent="0.25">
      <c r="A667" s="1">
        <v>41772</v>
      </c>
      <c r="B667" s="2">
        <v>0.69046296296296295</v>
      </c>
      <c r="C667">
        <v>43.955999999999996</v>
      </c>
      <c r="D667">
        <v>87.911999999999992</v>
      </c>
    </row>
    <row r="668" spans="1:4" x14ac:dyDescent="0.25">
      <c r="A668" s="1">
        <v>41772</v>
      </c>
      <c r="B668" s="2">
        <v>0.69732638888888887</v>
      </c>
      <c r="C668">
        <v>44.022599999999997</v>
      </c>
      <c r="D668">
        <v>88.045199999999994</v>
      </c>
    </row>
    <row r="669" spans="1:4" x14ac:dyDescent="0.25">
      <c r="A669" s="1">
        <v>41772</v>
      </c>
      <c r="B669" s="2">
        <v>0.7044907407407407</v>
      </c>
      <c r="C669">
        <v>44.089199999999998</v>
      </c>
      <c r="D669">
        <v>88.178399999999996</v>
      </c>
    </row>
    <row r="670" spans="1:4" x14ac:dyDescent="0.25">
      <c r="A670" s="1">
        <v>41772</v>
      </c>
      <c r="B670" s="2">
        <v>0.71174768518518527</v>
      </c>
      <c r="C670">
        <v>44.155799999999992</v>
      </c>
      <c r="D670">
        <v>88.311599999999984</v>
      </c>
    </row>
    <row r="671" spans="1:4" x14ac:dyDescent="0.25">
      <c r="A671" s="1">
        <v>41772</v>
      </c>
      <c r="B671" s="2">
        <v>0.71930555555555553</v>
      </c>
      <c r="C671">
        <v>44.222399999999993</v>
      </c>
      <c r="D671">
        <v>88.444799999999987</v>
      </c>
    </row>
    <row r="672" spans="1:4" x14ac:dyDescent="0.25">
      <c r="A672" s="1">
        <v>41772</v>
      </c>
      <c r="B672" s="2">
        <v>0.72693287037037047</v>
      </c>
      <c r="C672">
        <v>44.288999999999994</v>
      </c>
      <c r="D672">
        <v>88.577999999999989</v>
      </c>
    </row>
    <row r="673" spans="1:4" x14ac:dyDescent="0.25">
      <c r="A673" s="1">
        <v>41772</v>
      </c>
      <c r="B673" s="2">
        <v>0.73494212962962957</v>
      </c>
      <c r="C673">
        <v>44.355599999999995</v>
      </c>
      <c r="D673">
        <v>88.711199999999991</v>
      </c>
    </row>
    <row r="674" spans="1:4" x14ac:dyDescent="0.25">
      <c r="A674" s="1">
        <v>41772</v>
      </c>
      <c r="B674" s="2">
        <v>0.74298611111111112</v>
      </c>
      <c r="C674">
        <v>44.422199999999997</v>
      </c>
      <c r="D674">
        <v>88.844399999999993</v>
      </c>
    </row>
    <row r="675" spans="1:4" x14ac:dyDescent="0.25">
      <c r="A675" s="1">
        <v>41772</v>
      </c>
      <c r="B675" s="2">
        <v>0.75150462962962961</v>
      </c>
      <c r="C675">
        <v>44.488799999999998</v>
      </c>
      <c r="D675">
        <v>88.977599999999995</v>
      </c>
    </row>
    <row r="676" spans="1:4" x14ac:dyDescent="0.25">
      <c r="A676" s="1">
        <v>41772</v>
      </c>
      <c r="B676" s="2">
        <v>0.76003472222222224</v>
      </c>
      <c r="C676">
        <v>44.555399999999992</v>
      </c>
      <c r="D676">
        <v>89.110799999999983</v>
      </c>
    </row>
    <row r="677" spans="1:4" x14ac:dyDescent="0.25">
      <c r="A677" s="1">
        <v>41772</v>
      </c>
      <c r="B677" s="2">
        <v>0.76922453703703697</v>
      </c>
      <c r="C677">
        <v>44.621999999999993</v>
      </c>
      <c r="D677">
        <v>89.243999999999986</v>
      </c>
    </row>
    <row r="678" spans="1:4" x14ac:dyDescent="0.25">
      <c r="A678" s="1">
        <v>41772</v>
      </c>
      <c r="B678" s="2">
        <v>0.77829861111111109</v>
      </c>
      <c r="C678">
        <v>44.688600000000001</v>
      </c>
      <c r="D678">
        <v>89.377200000000002</v>
      </c>
    </row>
    <row r="679" spans="1:4" x14ac:dyDescent="0.25">
      <c r="A679" s="1">
        <v>41772</v>
      </c>
      <c r="B679" s="2">
        <v>0.78812499999999996</v>
      </c>
      <c r="C679">
        <v>44.755199999999995</v>
      </c>
      <c r="D679">
        <v>89.51039999999999</v>
      </c>
    </row>
    <row r="680" spans="1:4" x14ac:dyDescent="0.25">
      <c r="A680" s="1">
        <v>41772</v>
      </c>
      <c r="B680" s="2">
        <v>0.79784722222222226</v>
      </c>
      <c r="C680">
        <v>44.821799999999996</v>
      </c>
      <c r="D680">
        <v>89.643599999999992</v>
      </c>
    </row>
    <row r="681" spans="1:4" x14ac:dyDescent="0.25">
      <c r="A681" s="1">
        <v>41772</v>
      </c>
      <c r="B681" s="2">
        <v>0.80839120370370365</v>
      </c>
      <c r="C681">
        <v>44.888399999999997</v>
      </c>
      <c r="D681">
        <v>89.776799999999994</v>
      </c>
    </row>
    <row r="682" spans="1:4" x14ac:dyDescent="0.25">
      <c r="A682" s="1">
        <v>41772</v>
      </c>
      <c r="B682" s="2">
        <v>0.81885416666666666</v>
      </c>
      <c r="C682">
        <v>44.954999999999991</v>
      </c>
      <c r="D682">
        <v>89.909999999999982</v>
      </c>
    </row>
    <row r="683" spans="1:4" x14ac:dyDescent="0.25">
      <c r="A683" s="1">
        <v>41772</v>
      </c>
      <c r="B683" s="2">
        <v>0.83013888888888887</v>
      </c>
      <c r="C683">
        <v>45.021599999999999</v>
      </c>
      <c r="D683">
        <v>90.043199999999999</v>
      </c>
    </row>
    <row r="684" spans="1:4" x14ac:dyDescent="0.25">
      <c r="A684" s="1">
        <v>41772</v>
      </c>
      <c r="B684" s="2">
        <v>0.84137731481481481</v>
      </c>
      <c r="C684">
        <v>45.088200000000001</v>
      </c>
      <c r="D684">
        <v>90.176400000000001</v>
      </c>
    </row>
    <row r="685" spans="1:4" x14ac:dyDescent="0.25">
      <c r="A685" s="1">
        <v>41772</v>
      </c>
      <c r="B685" s="2">
        <v>0.85348379629629623</v>
      </c>
      <c r="C685">
        <v>45.154799999999994</v>
      </c>
      <c r="D685">
        <v>90.309599999999989</v>
      </c>
    </row>
    <row r="686" spans="1:4" x14ac:dyDescent="0.25">
      <c r="A686" s="1">
        <v>41772</v>
      </c>
      <c r="B686" s="2">
        <v>0.86556712962962967</v>
      </c>
      <c r="C686">
        <v>45.221399999999996</v>
      </c>
      <c r="D686">
        <v>90.442799999999991</v>
      </c>
    </row>
    <row r="687" spans="1:4" x14ac:dyDescent="0.25">
      <c r="A687" s="1">
        <v>41772</v>
      </c>
      <c r="B687" s="2">
        <v>0.87859953703703697</v>
      </c>
      <c r="C687">
        <v>45.28799999999999</v>
      </c>
      <c r="D687">
        <v>90.575999999999979</v>
      </c>
    </row>
    <row r="688" spans="1:4" x14ac:dyDescent="0.25">
      <c r="A688" s="1">
        <v>41772</v>
      </c>
      <c r="B688" s="2">
        <v>0.89175925925925925</v>
      </c>
      <c r="C688">
        <v>45.354599999999998</v>
      </c>
      <c r="D688">
        <v>90.709199999999996</v>
      </c>
    </row>
    <row r="689" spans="1:4" x14ac:dyDescent="0.25">
      <c r="A689" s="1">
        <v>41772</v>
      </c>
      <c r="B689" s="2">
        <v>0.9056481481481482</v>
      </c>
      <c r="C689">
        <v>45.421199999999999</v>
      </c>
      <c r="D689">
        <v>90.842399999999998</v>
      </c>
    </row>
    <row r="690" spans="1:4" x14ac:dyDescent="0.25">
      <c r="A690" s="1">
        <v>41772</v>
      </c>
      <c r="B690" s="2">
        <v>0.9197685185185186</v>
      </c>
      <c r="C690">
        <v>45.487799999999993</v>
      </c>
      <c r="D690">
        <v>90.975599999999986</v>
      </c>
    </row>
    <row r="691" spans="1:4" x14ac:dyDescent="0.25">
      <c r="A691" s="1">
        <v>41772</v>
      </c>
      <c r="B691" s="2">
        <v>0.93493055555555549</v>
      </c>
      <c r="C691">
        <v>45.554399999999994</v>
      </c>
      <c r="D691">
        <v>91.108799999999988</v>
      </c>
    </row>
    <row r="692" spans="1:4" x14ac:dyDescent="0.25">
      <c r="A692" s="1">
        <v>41772</v>
      </c>
      <c r="B692" s="2">
        <v>0.95024305555555555</v>
      </c>
      <c r="C692">
        <v>45.620999999999995</v>
      </c>
      <c r="D692">
        <v>91.24199999999999</v>
      </c>
    </row>
    <row r="693" spans="1:4" x14ac:dyDescent="0.25">
      <c r="A693" s="1">
        <v>41772</v>
      </c>
      <c r="B693" s="2">
        <v>0.96667824074074071</v>
      </c>
      <c r="C693">
        <v>45.687599999999996</v>
      </c>
      <c r="D693">
        <v>91.375199999999992</v>
      </c>
    </row>
    <row r="694" spans="1:4" x14ac:dyDescent="0.25">
      <c r="A694" s="1">
        <v>41772</v>
      </c>
      <c r="B694" s="2">
        <v>0.98333333333333339</v>
      </c>
      <c r="C694">
        <v>45.754199999999997</v>
      </c>
      <c r="D694">
        <v>91.508399999999995</v>
      </c>
    </row>
    <row r="695" spans="1:4" x14ac:dyDescent="0.25">
      <c r="A695" s="1">
        <v>41773</v>
      </c>
      <c r="B695" s="2">
        <v>1.1458333333333333E-3</v>
      </c>
      <c r="C695">
        <v>45.820799999999998</v>
      </c>
      <c r="D695">
        <v>91.641599999999997</v>
      </c>
    </row>
    <row r="696" spans="1:4" x14ac:dyDescent="0.25">
      <c r="A696" s="1">
        <v>41773</v>
      </c>
      <c r="B696" s="2">
        <v>1.909722222222222E-2</v>
      </c>
      <c r="C696">
        <v>45.887399999999992</v>
      </c>
      <c r="D696">
        <v>91.774799999999985</v>
      </c>
    </row>
    <row r="697" spans="1:4" x14ac:dyDescent="0.25">
      <c r="A697" s="1">
        <v>41773</v>
      </c>
      <c r="B697" s="2">
        <v>3.8506944444444448E-2</v>
      </c>
      <c r="C697">
        <v>45.953999999999994</v>
      </c>
      <c r="D697">
        <v>91.907999999999987</v>
      </c>
    </row>
    <row r="698" spans="1:4" x14ac:dyDescent="0.25">
      <c r="A698" s="1">
        <v>41773</v>
      </c>
      <c r="B698" s="2">
        <v>5.7986111111111106E-2</v>
      </c>
      <c r="C698">
        <v>46.020600000000002</v>
      </c>
      <c r="D698">
        <v>92.041200000000003</v>
      </c>
    </row>
    <row r="699" spans="1:4" x14ac:dyDescent="0.25">
      <c r="A699" s="1">
        <v>41773</v>
      </c>
      <c r="B699" s="2">
        <v>7.9085648148148155E-2</v>
      </c>
      <c r="C699">
        <v>46.087199999999996</v>
      </c>
      <c r="D699">
        <v>92.174399999999991</v>
      </c>
    </row>
    <row r="700" spans="1:4" x14ac:dyDescent="0.25">
      <c r="A700" s="1">
        <v>41773</v>
      </c>
      <c r="B700" s="2">
        <v>0.1004050925925926</v>
      </c>
      <c r="C700">
        <v>46.153799999999997</v>
      </c>
      <c r="D700">
        <v>92.307599999999994</v>
      </c>
    </row>
    <row r="701" spans="1:4" x14ac:dyDescent="0.25">
      <c r="A701" s="1">
        <v>41773</v>
      </c>
      <c r="B701" s="2">
        <v>0.12350694444444445</v>
      </c>
      <c r="C701">
        <v>46.220399999999991</v>
      </c>
      <c r="D701">
        <v>92.440799999999982</v>
      </c>
    </row>
    <row r="702" spans="1:4" x14ac:dyDescent="0.25">
      <c r="A702" s="1">
        <v>41773</v>
      </c>
      <c r="B702" s="2">
        <v>0.14657407407407408</v>
      </c>
      <c r="C702">
        <v>46.286999999999992</v>
      </c>
      <c r="D702">
        <v>92.573999999999984</v>
      </c>
    </row>
    <row r="703" spans="1:4" x14ac:dyDescent="0.25">
      <c r="A703" s="1">
        <v>41773</v>
      </c>
      <c r="B703" s="2">
        <v>0.17140046296296296</v>
      </c>
      <c r="C703">
        <v>46.3536</v>
      </c>
      <c r="D703">
        <v>92.7072</v>
      </c>
    </row>
    <row r="704" spans="1:4" x14ac:dyDescent="0.25">
      <c r="A704" s="1">
        <v>41773</v>
      </c>
      <c r="B704" s="2">
        <v>0.19633101851851853</v>
      </c>
      <c r="C704">
        <v>46.420199999999994</v>
      </c>
      <c r="D704">
        <v>92.840399999999988</v>
      </c>
    </row>
    <row r="705" spans="1:4" x14ac:dyDescent="0.25">
      <c r="A705" s="1">
        <v>41773</v>
      </c>
      <c r="B705" s="2">
        <v>0.22341435185185185</v>
      </c>
      <c r="C705">
        <v>46.486799999999995</v>
      </c>
      <c r="D705">
        <v>92.97359999999999</v>
      </c>
    </row>
    <row r="706" spans="1:4" x14ac:dyDescent="0.25">
      <c r="A706" s="1">
        <v>41773</v>
      </c>
      <c r="B706" s="2">
        <v>0.25059027777777781</v>
      </c>
      <c r="C706">
        <v>46.553399999999996</v>
      </c>
      <c r="D706">
        <v>93.106799999999993</v>
      </c>
    </row>
    <row r="707" spans="1:4" x14ac:dyDescent="0.25">
      <c r="A707" s="1">
        <v>41773</v>
      </c>
      <c r="B707" s="2">
        <v>0.27952546296296293</v>
      </c>
      <c r="C707">
        <v>46.61999999999999</v>
      </c>
      <c r="D707">
        <v>93.239999999999981</v>
      </c>
    </row>
    <row r="708" spans="1:4" x14ac:dyDescent="0.25">
      <c r="A708" s="1">
        <v>41773</v>
      </c>
      <c r="B708" s="2">
        <v>0.30957175925925923</v>
      </c>
      <c r="C708">
        <v>46.686599999999999</v>
      </c>
      <c r="D708">
        <v>93.373199999999997</v>
      </c>
    </row>
    <row r="709" spans="1:4" x14ac:dyDescent="0.25">
      <c r="A709" s="1">
        <v>41773</v>
      </c>
      <c r="B709" s="2">
        <v>0.34118055555555554</v>
      </c>
      <c r="C709">
        <v>46.7532</v>
      </c>
      <c r="D709">
        <v>93.506399999999999</v>
      </c>
    </row>
    <row r="710" spans="1:4" x14ac:dyDescent="0.25">
      <c r="A710" s="1">
        <v>41773</v>
      </c>
      <c r="B710" s="2">
        <v>0.37395833333333334</v>
      </c>
      <c r="C710">
        <v>46.819799999999994</v>
      </c>
      <c r="D710">
        <v>93.639599999999987</v>
      </c>
    </row>
    <row r="711" spans="1:4" x14ac:dyDescent="0.25">
      <c r="A711" s="1">
        <v>41773</v>
      </c>
      <c r="B711" s="2">
        <v>0.40873842592592591</v>
      </c>
      <c r="C711">
        <v>46.886399999999995</v>
      </c>
      <c r="D711">
        <v>93.772799999999989</v>
      </c>
    </row>
    <row r="712" spans="1:4" x14ac:dyDescent="0.25">
      <c r="A712" s="1">
        <v>41773</v>
      </c>
      <c r="B712" s="2">
        <v>0.44468749999999996</v>
      </c>
      <c r="C712">
        <v>46.952999999999996</v>
      </c>
      <c r="D712">
        <v>93.905999999999992</v>
      </c>
    </row>
    <row r="713" spans="1:4" x14ac:dyDescent="0.25">
      <c r="A713" s="1">
        <v>41773</v>
      </c>
      <c r="B713" s="2">
        <v>0.48314814814814816</v>
      </c>
      <c r="C713">
        <v>47.019599999999997</v>
      </c>
      <c r="D713">
        <v>94.039199999999994</v>
      </c>
    </row>
    <row r="714" spans="1:4" x14ac:dyDescent="0.25">
      <c r="A714" s="1">
        <v>41773</v>
      </c>
      <c r="B714" s="2">
        <v>0.52407407407407403</v>
      </c>
      <c r="C714">
        <v>47.086199999999998</v>
      </c>
      <c r="D714">
        <v>94.172399999999996</v>
      </c>
    </row>
    <row r="715" spans="1:4" x14ac:dyDescent="0.25">
      <c r="A715" s="1">
        <v>41773</v>
      </c>
      <c r="B715" s="2">
        <v>0.5689467592592593</v>
      </c>
      <c r="C715">
        <v>47.152799999999999</v>
      </c>
      <c r="D715">
        <v>94.305599999999998</v>
      </c>
    </row>
    <row r="716" spans="1:4" x14ac:dyDescent="0.25">
      <c r="A716" s="1">
        <v>41773</v>
      </c>
      <c r="B716" s="2">
        <v>0.61731481481481476</v>
      </c>
      <c r="C716">
        <v>47.219399999999993</v>
      </c>
      <c r="D716">
        <v>94.438799999999986</v>
      </c>
    </row>
    <row r="717" spans="1:4" x14ac:dyDescent="0.25">
      <c r="A717" s="1">
        <v>41773</v>
      </c>
      <c r="B717" s="2">
        <v>0.66869212962962965</v>
      </c>
      <c r="C717">
        <v>47.285999999999994</v>
      </c>
      <c r="D717">
        <v>94.571999999999989</v>
      </c>
    </row>
    <row r="718" spans="1:4" x14ac:dyDescent="0.25">
      <c r="A718" s="1">
        <v>41773</v>
      </c>
      <c r="B718" s="2">
        <v>0.72299768518518526</v>
      </c>
      <c r="C718">
        <v>47.352599999999995</v>
      </c>
      <c r="D718">
        <v>94.705199999999991</v>
      </c>
    </row>
    <row r="719" spans="1:4" x14ac:dyDescent="0.25">
      <c r="A719" s="1">
        <v>41773</v>
      </c>
      <c r="B719" s="2">
        <v>0.78160879629629632</v>
      </c>
      <c r="C719">
        <v>47.419199999999996</v>
      </c>
      <c r="D719">
        <v>94.838399999999993</v>
      </c>
    </row>
    <row r="720" spans="1:4" x14ac:dyDescent="0.25">
      <c r="A720" s="1">
        <v>41773</v>
      </c>
      <c r="B720" s="2">
        <v>0.84125000000000005</v>
      </c>
      <c r="C720">
        <v>47.485799999999998</v>
      </c>
      <c r="D720">
        <v>94.971599999999995</v>
      </c>
    </row>
    <row r="721" spans="1:4" x14ac:dyDescent="0.25">
      <c r="A721" s="1">
        <v>41773</v>
      </c>
      <c r="B721" s="2">
        <v>0.90460648148148148</v>
      </c>
      <c r="C721">
        <v>47.552399999999992</v>
      </c>
      <c r="D721">
        <v>95.104799999999983</v>
      </c>
    </row>
    <row r="722" spans="1:4" x14ac:dyDescent="0.25">
      <c r="A722" s="1">
        <v>41773</v>
      </c>
      <c r="B722" s="2">
        <v>0.97089120370370363</v>
      </c>
      <c r="C722">
        <v>47.618999999999993</v>
      </c>
      <c r="D722">
        <v>95.237999999999985</v>
      </c>
    </row>
    <row r="723" spans="1:4" x14ac:dyDescent="0.25">
      <c r="A723" s="1">
        <v>41774</v>
      </c>
      <c r="B723" s="2">
        <v>4.1180555555555554E-2</v>
      </c>
      <c r="C723">
        <v>47.685600000000001</v>
      </c>
      <c r="D723">
        <v>95.371200000000002</v>
      </c>
    </row>
    <row r="724" spans="1:4" x14ac:dyDescent="0.25">
      <c r="A724" s="1">
        <v>41774</v>
      </c>
      <c r="B724" s="2">
        <v>0.11226851851851853</v>
      </c>
      <c r="C724">
        <v>47.752199999999995</v>
      </c>
      <c r="D724">
        <v>95.50439999999999</v>
      </c>
    </row>
    <row r="725" spans="1:4" x14ac:dyDescent="0.25">
      <c r="A725" s="1">
        <v>41774</v>
      </c>
      <c r="B725" s="2">
        <v>0.18961805555555555</v>
      </c>
      <c r="C725">
        <v>47.818799999999996</v>
      </c>
      <c r="D725">
        <v>95.637599999999992</v>
      </c>
    </row>
    <row r="726" spans="1:4" x14ac:dyDescent="0.25">
      <c r="A726" s="1">
        <v>41774</v>
      </c>
      <c r="B726" s="2">
        <v>0.26880787037037041</v>
      </c>
      <c r="C726">
        <v>47.885399999999997</v>
      </c>
      <c r="D726">
        <v>95.770799999999994</v>
      </c>
    </row>
    <row r="727" spans="1:4" x14ac:dyDescent="0.25">
      <c r="A727" s="1">
        <v>41774</v>
      </c>
      <c r="B727" s="2">
        <v>0.35122685185185182</v>
      </c>
      <c r="C727">
        <v>47.951999999999991</v>
      </c>
      <c r="D727">
        <v>95.903999999999982</v>
      </c>
    </row>
    <row r="728" spans="1:4" x14ac:dyDescent="0.25">
      <c r="A728" s="1">
        <v>41774</v>
      </c>
      <c r="B728" s="2">
        <v>0.43483796296296301</v>
      </c>
      <c r="C728">
        <v>48.018599999999999</v>
      </c>
      <c r="D728">
        <v>96.037199999999999</v>
      </c>
    </row>
    <row r="729" spans="1:4" x14ac:dyDescent="0.25">
      <c r="A729" s="1">
        <v>41774</v>
      </c>
      <c r="B729" s="2">
        <v>0.5276967592592593</v>
      </c>
      <c r="C729">
        <v>48.0852</v>
      </c>
      <c r="D729">
        <v>96.170400000000001</v>
      </c>
    </row>
    <row r="730" spans="1:4" x14ac:dyDescent="0.25">
      <c r="A730" s="1">
        <v>41774</v>
      </c>
      <c r="B730" s="2">
        <v>0.63472222222222219</v>
      </c>
      <c r="C730">
        <v>48.151799999999994</v>
      </c>
      <c r="D730">
        <v>96.303599999999989</v>
      </c>
    </row>
    <row r="731" spans="1:4" x14ac:dyDescent="0.25">
      <c r="A731" s="1">
        <v>41774</v>
      </c>
      <c r="B731" s="2">
        <v>0.75365740740740739</v>
      </c>
      <c r="C731">
        <v>48.218399999999995</v>
      </c>
      <c r="D731">
        <v>96.436799999999991</v>
      </c>
    </row>
    <row r="732" spans="1:4" x14ac:dyDescent="0.25">
      <c r="A732" s="1">
        <v>41774</v>
      </c>
      <c r="B732" s="2">
        <v>0.87942129629629628</v>
      </c>
      <c r="C732">
        <v>48.284999999999989</v>
      </c>
      <c r="D732">
        <v>96.569999999999979</v>
      </c>
    </row>
    <row r="733" spans="1:4" x14ac:dyDescent="0.25">
      <c r="A733" s="1">
        <v>41775</v>
      </c>
      <c r="B733" s="2">
        <v>1.6643518518518519E-2</v>
      </c>
      <c r="C733">
        <v>48.351599999999998</v>
      </c>
      <c r="D733">
        <v>96.703199999999995</v>
      </c>
    </row>
    <row r="734" spans="1:4" x14ac:dyDescent="0.25">
      <c r="A734" s="1">
        <v>41775</v>
      </c>
      <c r="B734" s="2">
        <v>0.15258101851851852</v>
      </c>
      <c r="C734">
        <v>48.418199999999999</v>
      </c>
      <c r="D734">
        <v>96.836399999999998</v>
      </c>
    </row>
    <row r="735" spans="1:4" x14ac:dyDescent="0.25">
      <c r="A735" s="1">
        <v>41775</v>
      </c>
      <c r="B735" s="2">
        <v>0.30072916666666666</v>
      </c>
      <c r="C735">
        <v>48.484799999999993</v>
      </c>
      <c r="D735">
        <v>96.969599999999986</v>
      </c>
    </row>
    <row r="736" spans="1:4" x14ac:dyDescent="0.25">
      <c r="A736" s="1">
        <v>41775</v>
      </c>
      <c r="B736" s="2">
        <v>0.45500000000000002</v>
      </c>
      <c r="C736">
        <v>48.551399999999994</v>
      </c>
      <c r="D736">
        <v>97.102799999999988</v>
      </c>
    </row>
    <row r="737" spans="1:4" x14ac:dyDescent="0.25">
      <c r="A737" s="1">
        <v>41775</v>
      </c>
      <c r="B737" s="2">
        <v>0.63605324074074077</v>
      </c>
      <c r="C737">
        <v>48.617999999999995</v>
      </c>
      <c r="D737">
        <v>97.23599999999999</v>
      </c>
    </row>
    <row r="738" spans="1:4" x14ac:dyDescent="0.25">
      <c r="A738" s="1">
        <v>41775</v>
      </c>
      <c r="B738" s="2">
        <v>0.86351851851851846</v>
      </c>
      <c r="C738">
        <v>48.684599999999996</v>
      </c>
      <c r="D738">
        <v>97.369199999999992</v>
      </c>
    </row>
    <row r="739" spans="1:4" x14ac:dyDescent="0.25">
      <c r="A739" s="1">
        <v>41776</v>
      </c>
      <c r="B739" s="2">
        <v>0.12059027777777777</v>
      </c>
      <c r="C739">
        <v>48.751199999999997</v>
      </c>
      <c r="D739">
        <v>97.502399999999994</v>
      </c>
    </row>
    <row r="740" spans="1:4" x14ac:dyDescent="0.25">
      <c r="A740" s="1">
        <v>41776</v>
      </c>
      <c r="B740" s="2">
        <v>0.36657407407407411</v>
      </c>
      <c r="C740">
        <v>48.817799999999998</v>
      </c>
      <c r="D740">
        <v>97.635599999999997</v>
      </c>
    </row>
    <row r="741" spans="1:4" x14ac:dyDescent="0.25">
      <c r="A741" s="1">
        <v>41776</v>
      </c>
      <c r="B741" s="2">
        <v>0.63468749999999996</v>
      </c>
      <c r="C741">
        <v>48.884399999999992</v>
      </c>
      <c r="D741">
        <v>97.768799999999985</v>
      </c>
    </row>
    <row r="742" spans="1:4" x14ac:dyDescent="0.25">
      <c r="A742" s="1">
        <v>41776</v>
      </c>
      <c r="B742" s="2">
        <v>0.95547453703703711</v>
      </c>
      <c r="C742">
        <v>48.950999999999993</v>
      </c>
      <c r="D742">
        <v>97.901999999999987</v>
      </c>
    </row>
    <row r="743" spans="1:4" x14ac:dyDescent="0.25">
      <c r="A743" s="1">
        <v>41777</v>
      </c>
      <c r="B743" s="2">
        <v>0.31570601851851854</v>
      </c>
      <c r="C743">
        <v>49.017600000000002</v>
      </c>
      <c r="D743">
        <v>98.035200000000003</v>
      </c>
    </row>
    <row r="744" spans="1:4" x14ac:dyDescent="0.25">
      <c r="A744" s="1">
        <v>41777</v>
      </c>
      <c r="B744" s="2">
        <v>0.66525462962962967</v>
      </c>
      <c r="C744">
        <v>49.084199999999996</v>
      </c>
      <c r="D744">
        <v>98.168399999999991</v>
      </c>
    </row>
    <row r="745" spans="1:4" x14ac:dyDescent="0.25">
      <c r="A745" s="1">
        <v>41778</v>
      </c>
      <c r="B745" s="2">
        <v>8.6249999999999993E-2</v>
      </c>
      <c r="C745">
        <v>49.150799999999997</v>
      </c>
      <c r="D745">
        <v>98.301599999999993</v>
      </c>
    </row>
    <row r="746" spans="1:4" x14ac:dyDescent="0.25">
      <c r="A746" s="1">
        <v>41778</v>
      </c>
      <c r="B746" s="2">
        <v>0.52565972222222224</v>
      </c>
      <c r="C746">
        <v>49.217399999999991</v>
      </c>
      <c r="D746">
        <v>98.434799999999981</v>
      </c>
    </row>
    <row r="747" spans="1:4" x14ac:dyDescent="0.25">
      <c r="A747" s="1">
        <v>41779</v>
      </c>
      <c r="B747" s="2">
        <v>0.17998842592592593</v>
      </c>
      <c r="C747">
        <v>49.283999999999992</v>
      </c>
      <c r="D747">
        <v>98.567999999999984</v>
      </c>
    </row>
    <row r="748" spans="1:4" x14ac:dyDescent="0.25">
      <c r="A748" s="1">
        <v>41779</v>
      </c>
      <c r="B748" s="2">
        <v>0.95903935185185185</v>
      </c>
      <c r="C748">
        <v>49.3506</v>
      </c>
      <c r="D748">
        <v>98.7012</v>
      </c>
    </row>
    <row r="749" spans="1:4" x14ac:dyDescent="0.25">
      <c r="A749" s="1">
        <v>41780</v>
      </c>
      <c r="B749" s="2">
        <v>0.41824074074074075</v>
      </c>
      <c r="C749">
        <v>49.417199999999994</v>
      </c>
      <c r="D749">
        <v>98.834399999999988</v>
      </c>
    </row>
    <row r="750" spans="1:4" x14ac:dyDescent="0.25">
      <c r="A750" s="1">
        <v>41780</v>
      </c>
      <c r="B750" s="2">
        <v>0.4253587962962963</v>
      </c>
      <c r="C750">
        <v>49.417199999999994</v>
      </c>
      <c r="D750">
        <v>98.834399999999988</v>
      </c>
    </row>
    <row r="751" spans="1:4" x14ac:dyDescent="0.25">
      <c r="A751" s="1">
        <v>41780</v>
      </c>
      <c r="B751" s="2">
        <v>0.42777777777777781</v>
      </c>
      <c r="C751">
        <v>49.483799999999995</v>
      </c>
      <c r="D751">
        <v>98.96759999999999</v>
      </c>
    </row>
    <row r="752" spans="1:4" x14ac:dyDescent="0.25">
      <c r="A752" s="1">
        <v>41780</v>
      </c>
      <c r="B752" s="2">
        <v>0.42783564814814817</v>
      </c>
      <c r="C752">
        <v>49.550399999999996</v>
      </c>
      <c r="D752">
        <v>99.100799999999992</v>
      </c>
    </row>
    <row r="753" spans="1:4" x14ac:dyDescent="0.25">
      <c r="A753" s="1">
        <v>41781</v>
      </c>
      <c r="B753" s="2">
        <v>0.35032407407407407</v>
      </c>
      <c r="C753">
        <v>49.61699999999999</v>
      </c>
      <c r="D753">
        <v>99.23399999999998</v>
      </c>
    </row>
    <row r="754" spans="1:4" x14ac:dyDescent="0.25">
      <c r="A754" s="1">
        <v>41784</v>
      </c>
      <c r="B754" s="2">
        <v>7.6736111111111111E-3</v>
      </c>
      <c r="C754">
        <v>49.683599999999998</v>
      </c>
      <c r="D754">
        <v>99.367199999999997</v>
      </c>
    </row>
    <row r="755" spans="1:4" x14ac:dyDescent="0.25">
      <c r="A755" s="1">
        <v>41787</v>
      </c>
      <c r="B755" s="2">
        <v>0.97906249999999995</v>
      </c>
      <c r="C755">
        <v>49.7502</v>
      </c>
      <c r="D755">
        <v>99.500399999999999</v>
      </c>
    </row>
    <row r="756" spans="1:4" x14ac:dyDescent="0.25">
      <c r="A756" s="1">
        <v>41792</v>
      </c>
      <c r="B756" s="2">
        <v>0.91545138888888899</v>
      </c>
      <c r="C756">
        <v>49.816799999999994</v>
      </c>
      <c r="D756">
        <v>99.633599999999987</v>
      </c>
    </row>
    <row r="757" spans="1:4" x14ac:dyDescent="0.25">
      <c r="A757" s="1">
        <v>41794</v>
      </c>
      <c r="B757" s="2">
        <v>0.45674768518518521</v>
      </c>
      <c r="C757">
        <v>49.417199999999994</v>
      </c>
      <c r="D757">
        <v>98.834399999999988</v>
      </c>
    </row>
    <row r="758" spans="1:4" x14ac:dyDescent="0.25">
      <c r="A758" s="1">
        <v>41794</v>
      </c>
      <c r="B758" s="2">
        <v>0.45736111111111111</v>
      </c>
      <c r="C758">
        <v>49.483799999999995</v>
      </c>
      <c r="D758">
        <v>98.96759999999999</v>
      </c>
    </row>
    <row r="759" spans="1:4" x14ac:dyDescent="0.25">
      <c r="A759" s="1">
        <v>41805</v>
      </c>
      <c r="B759" s="2">
        <v>0.18657407407407409</v>
      </c>
      <c r="C759">
        <v>49.550399999999996</v>
      </c>
      <c r="D759">
        <v>99.100799999999992</v>
      </c>
    </row>
    <row r="760" spans="1:4" x14ac:dyDescent="0.25">
      <c r="A760" s="1">
        <v>41807</v>
      </c>
      <c r="B760" s="2">
        <v>0.4151157407407407</v>
      </c>
      <c r="C760">
        <v>49.417199999999994</v>
      </c>
      <c r="D760">
        <v>98.834399999999988</v>
      </c>
    </row>
    <row r="761" spans="1:4" x14ac:dyDescent="0.25">
      <c r="A761" s="1">
        <v>41820</v>
      </c>
      <c r="B761" s="2">
        <v>0.18956018518518516</v>
      </c>
      <c r="C761">
        <v>49.483799999999995</v>
      </c>
      <c r="D761">
        <v>98.96759999999999</v>
      </c>
    </row>
    <row r="762" spans="1:4" x14ac:dyDescent="0.25">
      <c r="A762" s="1">
        <v>41820</v>
      </c>
      <c r="B762" s="2">
        <v>0.19070601851851854</v>
      </c>
      <c r="C762">
        <v>49.550399999999996</v>
      </c>
      <c r="D762">
        <v>99.100799999999992</v>
      </c>
    </row>
    <row r="763" spans="1:4" x14ac:dyDescent="0.25">
      <c r="A763" s="1">
        <v>41820</v>
      </c>
      <c r="B763" s="2">
        <v>0.19172453703703704</v>
      </c>
      <c r="C763">
        <v>49.61699999999999</v>
      </c>
      <c r="D763">
        <v>99.23399999999998</v>
      </c>
    </row>
    <row r="764" spans="1:4" x14ac:dyDescent="0.25">
      <c r="A764" s="1">
        <v>41820</v>
      </c>
      <c r="B764" s="2">
        <v>0.19267361111111111</v>
      </c>
      <c r="C764">
        <v>49.683599999999998</v>
      </c>
      <c r="D764">
        <v>99.367199999999997</v>
      </c>
    </row>
    <row r="765" spans="1:4" x14ac:dyDescent="0.25">
      <c r="A765" s="1">
        <v>41820</v>
      </c>
      <c r="B765" s="2">
        <v>0.19349537037037037</v>
      </c>
      <c r="C765">
        <v>49.7502</v>
      </c>
      <c r="D765">
        <v>99.500399999999999</v>
      </c>
    </row>
    <row r="766" spans="1:4" x14ac:dyDescent="0.25">
      <c r="A766" s="1">
        <v>41820</v>
      </c>
      <c r="B766" s="2">
        <v>0.19430555555555554</v>
      </c>
      <c r="C766">
        <v>49.816799999999994</v>
      </c>
      <c r="D766">
        <v>99.633599999999987</v>
      </c>
    </row>
    <row r="767" spans="1:4" x14ac:dyDescent="0.25">
      <c r="A767" s="1">
        <v>41820</v>
      </c>
      <c r="B767" s="2">
        <v>0.19510416666666666</v>
      </c>
      <c r="C767">
        <v>49.883399999999995</v>
      </c>
      <c r="D767">
        <v>99.766799999999989</v>
      </c>
    </row>
    <row r="768" spans="1:4" x14ac:dyDescent="0.25">
      <c r="A768" s="1">
        <v>41820</v>
      </c>
      <c r="B768" s="2">
        <v>0.19590277777777776</v>
      </c>
      <c r="C768">
        <v>49.949999999999996</v>
      </c>
      <c r="D768">
        <v>99.899999999999991</v>
      </c>
    </row>
    <row r="769" spans="1:4" x14ac:dyDescent="0.25">
      <c r="A769" s="1">
        <v>41820</v>
      </c>
      <c r="B769" s="2">
        <v>0.1966435185185185</v>
      </c>
      <c r="C769">
        <v>50.016599999999997</v>
      </c>
      <c r="D769">
        <v>100.03319999999999</v>
      </c>
    </row>
    <row r="770" spans="1:4" x14ac:dyDescent="0.25">
      <c r="A770" s="1">
        <v>41820</v>
      </c>
      <c r="B770" s="2">
        <v>0.19740740740740739</v>
      </c>
      <c r="C770">
        <v>50.083199999999998</v>
      </c>
      <c r="D770">
        <v>100.1664</v>
      </c>
    </row>
    <row r="771" spans="1:4" x14ac:dyDescent="0.25">
      <c r="A771" s="1">
        <v>41820</v>
      </c>
      <c r="B771" s="2">
        <v>0.198125</v>
      </c>
      <c r="C771">
        <v>50.149799999999999</v>
      </c>
      <c r="D771">
        <v>100.2996</v>
      </c>
    </row>
    <row r="772" spans="1:4" x14ac:dyDescent="0.25">
      <c r="A772" s="1">
        <v>41820</v>
      </c>
      <c r="B772" s="2">
        <v>0.19886574074074073</v>
      </c>
      <c r="C772">
        <v>50.216399999999993</v>
      </c>
      <c r="D772">
        <v>100.43279999999999</v>
      </c>
    </row>
    <row r="773" spans="1:4" x14ac:dyDescent="0.25">
      <c r="A773" s="1">
        <v>41820</v>
      </c>
      <c r="B773" s="2">
        <v>0.19958333333333333</v>
      </c>
      <c r="C773">
        <v>50.282999999999994</v>
      </c>
      <c r="D773">
        <v>100.56599999999999</v>
      </c>
    </row>
    <row r="774" spans="1:4" x14ac:dyDescent="0.25">
      <c r="A774" s="1">
        <v>41820</v>
      </c>
      <c r="B774" s="2">
        <v>0.2003125</v>
      </c>
      <c r="C774">
        <v>50.349599999999995</v>
      </c>
      <c r="D774">
        <v>100.69919999999999</v>
      </c>
    </row>
    <row r="775" spans="1:4" x14ac:dyDescent="0.25">
      <c r="A775" s="1">
        <v>41820</v>
      </c>
      <c r="B775" s="2">
        <v>0.20103009259259261</v>
      </c>
      <c r="C775">
        <v>50.416199999999996</v>
      </c>
      <c r="D775">
        <v>100.83239999999999</v>
      </c>
    </row>
    <row r="776" spans="1:4" x14ac:dyDescent="0.25">
      <c r="A776" s="1">
        <v>41820</v>
      </c>
      <c r="B776" s="2">
        <v>0.20175925925925928</v>
      </c>
      <c r="C776">
        <v>50.482799999999997</v>
      </c>
      <c r="D776">
        <v>100.96559999999999</v>
      </c>
    </row>
    <row r="777" spans="1:4" x14ac:dyDescent="0.25">
      <c r="A777" s="1">
        <v>41820</v>
      </c>
      <c r="B777" s="2">
        <v>0.20248842592592595</v>
      </c>
      <c r="C777">
        <v>50.549399999999991</v>
      </c>
      <c r="D777">
        <v>101.09879999999998</v>
      </c>
    </row>
    <row r="778" spans="1:4" x14ac:dyDescent="0.25">
      <c r="A778" s="1">
        <v>41820</v>
      </c>
      <c r="B778" s="2">
        <v>0.20322916666666666</v>
      </c>
      <c r="C778">
        <v>50.615999999999993</v>
      </c>
      <c r="D778">
        <v>101.23199999999999</v>
      </c>
    </row>
    <row r="779" spans="1:4" x14ac:dyDescent="0.25">
      <c r="A779" s="1">
        <v>41820</v>
      </c>
      <c r="B779" s="2">
        <v>0.20395833333333332</v>
      </c>
      <c r="C779">
        <v>50.682600000000001</v>
      </c>
      <c r="D779">
        <v>101.3652</v>
      </c>
    </row>
    <row r="780" spans="1:4" x14ac:dyDescent="0.25">
      <c r="A780" s="1">
        <v>41820</v>
      </c>
      <c r="B780" s="2">
        <v>0.20473379629629629</v>
      </c>
      <c r="C780">
        <v>50.749199999999995</v>
      </c>
      <c r="D780">
        <v>101.49839999999999</v>
      </c>
    </row>
    <row r="781" spans="1:4" x14ac:dyDescent="0.25">
      <c r="A781" s="1">
        <v>41820</v>
      </c>
      <c r="B781" s="2">
        <v>0.20547453703703702</v>
      </c>
      <c r="C781">
        <v>50.815799999999996</v>
      </c>
      <c r="D781">
        <v>101.63159999999999</v>
      </c>
    </row>
    <row r="782" spans="1:4" x14ac:dyDescent="0.25">
      <c r="A782" s="1">
        <v>41820</v>
      </c>
      <c r="B782" s="2">
        <v>0.20626157407407408</v>
      </c>
      <c r="C782">
        <v>50.882399999999997</v>
      </c>
      <c r="D782">
        <v>101.76479999999999</v>
      </c>
    </row>
    <row r="783" spans="1:4" x14ac:dyDescent="0.25">
      <c r="A783" s="1">
        <v>41820</v>
      </c>
      <c r="B783" s="2">
        <v>0.20702546296296295</v>
      </c>
      <c r="C783">
        <v>50.948999999999991</v>
      </c>
      <c r="D783">
        <v>101.89799999999998</v>
      </c>
    </row>
    <row r="784" spans="1:4" x14ac:dyDescent="0.25">
      <c r="A784" s="1">
        <v>41820</v>
      </c>
      <c r="B784" s="2">
        <v>0.20784722222222221</v>
      </c>
      <c r="C784">
        <v>51.015599999999999</v>
      </c>
      <c r="D784">
        <v>102.0312</v>
      </c>
    </row>
    <row r="785" spans="1:4" x14ac:dyDescent="0.25">
      <c r="A785" s="1">
        <v>41820</v>
      </c>
      <c r="B785" s="2">
        <v>0.20863425925925927</v>
      </c>
      <c r="C785">
        <v>51.0822</v>
      </c>
      <c r="D785">
        <v>102.1644</v>
      </c>
    </row>
    <row r="786" spans="1:4" x14ac:dyDescent="0.25">
      <c r="A786" s="1">
        <v>41820</v>
      </c>
      <c r="B786" s="2">
        <v>0.20946759259259259</v>
      </c>
      <c r="C786">
        <v>51.148799999999994</v>
      </c>
      <c r="D786">
        <v>102.29759999999999</v>
      </c>
    </row>
    <row r="787" spans="1:4" x14ac:dyDescent="0.25">
      <c r="A787" s="1">
        <v>41820</v>
      </c>
      <c r="B787" s="2">
        <v>0.21028935185185185</v>
      </c>
      <c r="C787">
        <v>51.215399999999995</v>
      </c>
      <c r="D787">
        <v>102.43079999999999</v>
      </c>
    </row>
    <row r="788" spans="1:4" x14ac:dyDescent="0.25">
      <c r="A788" s="1">
        <v>41820</v>
      </c>
      <c r="B788" s="2">
        <v>0.2111574074074074</v>
      </c>
      <c r="C788">
        <v>51.281999999999989</v>
      </c>
      <c r="D788">
        <v>102.56399999999998</v>
      </c>
    </row>
    <row r="789" spans="1:4" x14ac:dyDescent="0.25">
      <c r="A789" s="1">
        <v>41820</v>
      </c>
      <c r="B789" s="2">
        <v>0.21201388888888886</v>
      </c>
      <c r="C789">
        <v>51.348599999999998</v>
      </c>
      <c r="D789">
        <v>102.6972</v>
      </c>
    </row>
    <row r="790" spans="1:4" x14ac:dyDescent="0.25">
      <c r="A790" s="1">
        <v>41820</v>
      </c>
      <c r="B790" s="2">
        <v>0.2129050925925926</v>
      </c>
      <c r="C790">
        <v>51.415199999999999</v>
      </c>
      <c r="D790">
        <v>102.8304</v>
      </c>
    </row>
    <row r="791" spans="1:4" x14ac:dyDescent="0.25">
      <c r="A791" s="1">
        <v>41820</v>
      </c>
      <c r="B791" s="2">
        <v>0.21378472222222222</v>
      </c>
      <c r="C791">
        <v>51.481799999999993</v>
      </c>
      <c r="D791">
        <v>102.96359999999999</v>
      </c>
    </row>
    <row r="792" spans="1:4" x14ac:dyDescent="0.25">
      <c r="A792" s="1">
        <v>41820</v>
      </c>
      <c r="B792" s="2">
        <v>0.21471064814814814</v>
      </c>
      <c r="C792">
        <v>51.548399999999994</v>
      </c>
      <c r="D792">
        <v>103.09679999999999</v>
      </c>
    </row>
    <row r="793" spans="1:4" x14ac:dyDescent="0.25">
      <c r="A793" s="1">
        <v>41820</v>
      </c>
      <c r="B793" s="2">
        <v>0.21561342592592592</v>
      </c>
      <c r="C793">
        <v>51.614999999999995</v>
      </c>
      <c r="D793">
        <v>103.22999999999999</v>
      </c>
    </row>
    <row r="794" spans="1:4" x14ac:dyDescent="0.25">
      <c r="A794" s="1">
        <v>41820</v>
      </c>
      <c r="B794" s="2">
        <v>0.21656249999999999</v>
      </c>
      <c r="C794">
        <v>51.681599999999996</v>
      </c>
      <c r="D794">
        <v>103.36319999999999</v>
      </c>
    </row>
    <row r="795" spans="1:4" x14ac:dyDescent="0.25">
      <c r="A795" s="1">
        <v>41820</v>
      </c>
      <c r="B795" s="2">
        <v>0.21751157407407407</v>
      </c>
      <c r="C795">
        <v>51.748199999999997</v>
      </c>
      <c r="D795">
        <v>103.49639999999999</v>
      </c>
    </row>
    <row r="796" spans="1:4" x14ac:dyDescent="0.25">
      <c r="A796" s="1">
        <v>41820</v>
      </c>
      <c r="B796" s="2">
        <v>0.21849537037037037</v>
      </c>
      <c r="C796">
        <v>51.814799999999998</v>
      </c>
      <c r="D796">
        <v>103.6296</v>
      </c>
    </row>
    <row r="797" spans="1:4" x14ac:dyDescent="0.25">
      <c r="A797" s="1">
        <v>41820</v>
      </c>
      <c r="B797" s="2">
        <v>0.21945601851851851</v>
      </c>
      <c r="C797">
        <v>51.881399999999992</v>
      </c>
      <c r="D797">
        <v>103.76279999999998</v>
      </c>
    </row>
    <row r="798" spans="1:4" x14ac:dyDescent="0.25">
      <c r="A798" s="1">
        <v>41820</v>
      </c>
      <c r="B798" s="2">
        <v>0.22047453703703704</v>
      </c>
      <c r="C798">
        <v>51.947999999999993</v>
      </c>
      <c r="D798">
        <v>103.89599999999999</v>
      </c>
    </row>
    <row r="799" spans="1:4" x14ac:dyDescent="0.25">
      <c r="A799" s="1">
        <v>41820</v>
      </c>
      <c r="B799" s="2">
        <v>0.22145833333333334</v>
      </c>
      <c r="C799">
        <v>52.014600000000002</v>
      </c>
      <c r="D799">
        <v>104.0292</v>
      </c>
    </row>
    <row r="800" spans="1:4" x14ac:dyDescent="0.25">
      <c r="A800" s="1">
        <v>41820</v>
      </c>
      <c r="B800" s="2">
        <v>0.2225</v>
      </c>
      <c r="C800">
        <v>52.081199999999995</v>
      </c>
      <c r="D800">
        <v>104.16239999999999</v>
      </c>
    </row>
    <row r="801" spans="1:4" x14ac:dyDescent="0.25">
      <c r="A801" s="1">
        <v>41820</v>
      </c>
      <c r="B801" s="2">
        <v>0.22349537037037037</v>
      </c>
      <c r="C801">
        <v>52.147799999999997</v>
      </c>
      <c r="D801">
        <v>104.29559999999999</v>
      </c>
    </row>
    <row r="802" spans="1:4" x14ac:dyDescent="0.25">
      <c r="A802" s="1">
        <v>41820</v>
      </c>
      <c r="B802" s="2">
        <v>0.22456018518518517</v>
      </c>
      <c r="C802">
        <v>52.214399999999998</v>
      </c>
      <c r="D802">
        <v>104.4288</v>
      </c>
    </row>
    <row r="803" spans="1:4" x14ac:dyDescent="0.25">
      <c r="A803" s="1">
        <v>41820</v>
      </c>
      <c r="B803" s="2">
        <v>0.2255787037037037</v>
      </c>
      <c r="C803">
        <v>52.280999999999992</v>
      </c>
      <c r="D803">
        <v>104.56199999999998</v>
      </c>
    </row>
    <row r="804" spans="1:4" x14ac:dyDescent="0.25">
      <c r="A804" s="1">
        <v>41820</v>
      </c>
      <c r="B804" s="2">
        <v>0.22665509259259262</v>
      </c>
      <c r="C804">
        <v>52.3476</v>
      </c>
      <c r="D804">
        <v>104.6952</v>
      </c>
    </row>
    <row r="805" spans="1:4" x14ac:dyDescent="0.25">
      <c r="A805" s="1">
        <v>41820</v>
      </c>
      <c r="B805" s="2">
        <v>0.22768518518518518</v>
      </c>
      <c r="C805">
        <v>52.414199999999994</v>
      </c>
      <c r="D805">
        <v>104.82839999999999</v>
      </c>
    </row>
    <row r="806" spans="1:4" x14ac:dyDescent="0.25">
      <c r="A806" s="1">
        <v>41820</v>
      </c>
      <c r="B806" s="2">
        <v>0.22877314814814817</v>
      </c>
      <c r="C806">
        <v>52.480799999999995</v>
      </c>
      <c r="D806">
        <v>104.96159999999999</v>
      </c>
    </row>
    <row r="807" spans="1:4" x14ac:dyDescent="0.25">
      <c r="A807" s="1">
        <v>41820</v>
      </c>
      <c r="B807" s="2">
        <v>0.22980324074074074</v>
      </c>
      <c r="C807">
        <v>52.547399999999996</v>
      </c>
      <c r="D807">
        <v>105.09479999999999</v>
      </c>
    </row>
    <row r="808" spans="1:4" x14ac:dyDescent="0.25">
      <c r="A808" s="1">
        <v>41820</v>
      </c>
      <c r="B808" s="2">
        <v>0.23090277777777779</v>
      </c>
      <c r="C808">
        <v>52.61399999999999</v>
      </c>
      <c r="D808">
        <v>105.22799999999998</v>
      </c>
    </row>
    <row r="809" spans="1:4" x14ac:dyDescent="0.25">
      <c r="A809" s="1">
        <v>41820</v>
      </c>
      <c r="B809" s="2">
        <v>0.23195601851851852</v>
      </c>
      <c r="C809">
        <v>52.680599999999998</v>
      </c>
      <c r="D809">
        <v>105.3612</v>
      </c>
    </row>
    <row r="810" spans="1:4" x14ac:dyDescent="0.25">
      <c r="A810" s="1">
        <v>41820</v>
      </c>
      <c r="B810" s="2">
        <v>0.23305555555555557</v>
      </c>
      <c r="C810">
        <v>52.747199999999999</v>
      </c>
      <c r="D810">
        <v>105.4944</v>
      </c>
    </row>
    <row r="811" spans="1:4" x14ac:dyDescent="0.25">
      <c r="A811" s="1">
        <v>41820</v>
      </c>
      <c r="B811" s="2">
        <v>0.23412037037037037</v>
      </c>
      <c r="C811">
        <v>52.813799999999993</v>
      </c>
      <c r="D811">
        <v>105.62759999999999</v>
      </c>
    </row>
    <row r="812" spans="1:4" x14ac:dyDescent="0.25">
      <c r="A812" s="1">
        <v>41820</v>
      </c>
      <c r="B812" s="2">
        <v>0.23524305555555555</v>
      </c>
      <c r="C812">
        <v>52.880399999999995</v>
      </c>
      <c r="D812">
        <v>105.76079999999999</v>
      </c>
    </row>
    <row r="813" spans="1:4" x14ac:dyDescent="0.25">
      <c r="A813" s="1">
        <v>41820</v>
      </c>
      <c r="B813" s="2">
        <v>0.23631944444444444</v>
      </c>
      <c r="C813">
        <v>52.946999999999996</v>
      </c>
      <c r="D813">
        <v>105.89399999999999</v>
      </c>
    </row>
    <row r="814" spans="1:4" x14ac:dyDescent="0.25">
      <c r="A814" s="1">
        <v>41820</v>
      </c>
      <c r="B814" s="2">
        <v>0.23745370370370369</v>
      </c>
      <c r="C814">
        <v>53.013599999999997</v>
      </c>
      <c r="D814">
        <v>106.02719999999999</v>
      </c>
    </row>
    <row r="815" spans="1:4" x14ac:dyDescent="0.25">
      <c r="A815" s="1">
        <v>41820</v>
      </c>
      <c r="B815" s="2">
        <v>0.23854166666666665</v>
      </c>
      <c r="C815">
        <v>53.080199999999998</v>
      </c>
      <c r="D815">
        <v>106.1604</v>
      </c>
    </row>
    <row r="816" spans="1:4" x14ac:dyDescent="0.25">
      <c r="A816" s="1">
        <v>41820</v>
      </c>
      <c r="B816" s="2">
        <v>0.23966435185185186</v>
      </c>
      <c r="C816">
        <v>53.146799999999999</v>
      </c>
      <c r="D816">
        <v>106.2936</v>
      </c>
    </row>
    <row r="817" spans="1:4" x14ac:dyDescent="0.25">
      <c r="A817" s="1">
        <v>41820</v>
      </c>
      <c r="B817" s="2">
        <v>0.24076388888888889</v>
      </c>
      <c r="C817">
        <v>53.213399999999993</v>
      </c>
      <c r="D817">
        <v>106.42679999999999</v>
      </c>
    </row>
    <row r="818" spans="1:4" x14ac:dyDescent="0.25">
      <c r="A818" s="1">
        <v>41820</v>
      </c>
      <c r="B818" s="2">
        <v>0.24188657407407407</v>
      </c>
      <c r="C818">
        <v>53.279999999999994</v>
      </c>
      <c r="D818">
        <v>106.55999999999999</v>
      </c>
    </row>
    <row r="819" spans="1:4" x14ac:dyDescent="0.25">
      <c r="A819" s="1">
        <v>41820</v>
      </c>
      <c r="B819" s="2">
        <v>0.24298611111111112</v>
      </c>
      <c r="C819">
        <v>53.346599999999995</v>
      </c>
      <c r="D819">
        <v>106.69319999999999</v>
      </c>
    </row>
    <row r="820" spans="1:4" x14ac:dyDescent="0.25">
      <c r="A820" s="1">
        <v>41820</v>
      </c>
      <c r="B820" s="2">
        <v>0.24412037037037038</v>
      </c>
      <c r="C820">
        <v>53.413199999999996</v>
      </c>
      <c r="D820">
        <v>106.82639999999999</v>
      </c>
    </row>
    <row r="821" spans="1:4" x14ac:dyDescent="0.25">
      <c r="A821" s="1">
        <v>41820</v>
      </c>
      <c r="B821" s="2">
        <v>0.24519675925925924</v>
      </c>
      <c r="C821">
        <v>53.479799999999997</v>
      </c>
      <c r="D821">
        <v>106.95959999999999</v>
      </c>
    </row>
    <row r="822" spans="1:4" x14ac:dyDescent="0.25">
      <c r="A822" s="1">
        <v>41820</v>
      </c>
      <c r="B822" s="2">
        <v>0.24631944444444445</v>
      </c>
      <c r="C822">
        <v>53.546399999999991</v>
      </c>
      <c r="D822">
        <v>107.09279999999998</v>
      </c>
    </row>
    <row r="823" spans="1:4" x14ac:dyDescent="0.25">
      <c r="A823" s="1">
        <v>41820</v>
      </c>
      <c r="B823" s="2">
        <v>0.24734953703703702</v>
      </c>
      <c r="C823">
        <v>53.612999999999992</v>
      </c>
      <c r="D823">
        <v>107.22599999999998</v>
      </c>
    </row>
    <row r="824" spans="1:4" x14ac:dyDescent="0.25">
      <c r="A824" s="1">
        <v>41820</v>
      </c>
      <c r="B824" s="2">
        <v>0.24841435185185187</v>
      </c>
      <c r="C824">
        <v>53.679600000000001</v>
      </c>
      <c r="D824">
        <v>107.3592</v>
      </c>
    </row>
    <row r="825" spans="1:4" x14ac:dyDescent="0.25">
      <c r="A825" s="1">
        <v>41820</v>
      </c>
      <c r="B825" s="2">
        <v>0.24936342592592595</v>
      </c>
      <c r="C825">
        <v>53.746199999999995</v>
      </c>
      <c r="D825">
        <v>107.49239999999999</v>
      </c>
    </row>
    <row r="826" spans="1:4" x14ac:dyDescent="0.25">
      <c r="A826" s="1">
        <v>41820</v>
      </c>
      <c r="B826" s="2">
        <v>0.25033564814814818</v>
      </c>
      <c r="C826">
        <v>53.812799999999996</v>
      </c>
      <c r="D826">
        <v>107.62559999999999</v>
      </c>
    </row>
    <row r="827" spans="1:4" x14ac:dyDescent="0.25">
      <c r="A827" s="1">
        <v>41820</v>
      </c>
      <c r="B827" s="2">
        <v>0.25119212962962961</v>
      </c>
      <c r="C827">
        <v>53.879399999999997</v>
      </c>
      <c r="D827">
        <v>107.75879999999999</v>
      </c>
    </row>
    <row r="828" spans="1:4" x14ac:dyDescent="0.25">
      <c r="A828" s="1">
        <v>41820</v>
      </c>
      <c r="B828" s="2">
        <v>0.2520486111111111</v>
      </c>
      <c r="C828">
        <v>53.945999999999991</v>
      </c>
      <c r="D828">
        <v>107.89199999999998</v>
      </c>
    </row>
    <row r="829" spans="1:4" x14ac:dyDescent="0.25">
      <c r="A829" s="1">
        <v>41820</v>
      </c>
      <c r="B829" s="2">
        <v>0.2528009259259259</v>
      </c>
      <c r="C829">
        <v>54.012599999999999</v>
      </c>
      <c r="D829">
        <v>108.0252</v>
      </c>
    </row>
    <row r="830" spans="1:4" x14ac:dyDescent="0.25">
      <c r="A830" s="1">
        <v>41820</v>
      </c>
      <c r="B830" s="2">
        <v>0.25355324074074076</v>
      </c>
      <c r="C830">
        <v>54.0792</v>
      </c>
      <c r="D830">
        <v>108.1584</v>
      </c>
    </row>
    <row r="831" spans="1:4" x14ac:dyDescent="0.25">
      <c r="A831" s="1">
        <v>41820</v>
      </c>
      <c r="B831" s="2">
        <v>0.25421296296296297</v>
      </c>
      <c r="C831">
        <v>54.145799999999994</v>
      </c>
      <c r="D831">
        <v>108.29159999999999</v>
      </c>
    </row>
    <row r="832" spans="1:4" x14ac:dyDescent="0.25">
      <c r="A832" s="1">
        <v>41820</v>
      </c>
      <c r="B832" s="2">
        <v>0.25487268518518519</v>
      </c>
      <c r="C832">
        <v>54.212399999999995</v>
      </c>
      <c r="D832">
        <v>108.42479999999999</v>
      </c>
    </row>
    <row r="833" spans="1:4" x14ac:dyDescent="0.25">
      <c r="A833" s="1">
        <v>41820</v>
      </c>
      <c r="B833" s="2">
        <v>0.25546296296296295</v>
      </c>
      <c r="C833">
        <v>54.278999999999989</v>
      </c>
      <c r="D833">
        <v>108.55799999999998</v>
      </c>
    </row>
    <row r="834" spans="1:4" x14ac:dyDescent="0.25">
      <c r="A834" s="1">
        <v>41820</v>
      </c>
      <c r="B834" s="2">
        <v>0.25605324074074071</v>
      </c>
      <c r="C834">
        <v>54.345599999999997</v>
      </c>
      <c r="D834">
        <v>108.69119999999999</v>
      </c>
    </row>
    <row r="835" spans="1:4" x14ac:dyDescent="0.25">
      <c r="A835" s="1">
        <v>41820</v>
      </c>
      <c r="B835" s="2">
        <v>0.2565972222222222</v>
      </c>
      <c r="C835">
        <v>54.412199999999999</v>
      </c>
      <c r="D835">
        <v>108.8244</v>
      </c>
    </row>
    <row r="836" spans="1:4" x14ac:dyDescent="0.25">
      <c r="A836" s="1">
        <v>41820</v>
      </c>
      <c r="B836" s="2">
        <v>0.25714120370370369</v>
      </c>
      <c r="C836">
        <v>54.478799999999993</v>
      </c>
      <c r="D836">
        <v>108.95759999999999</v>
      </c>
    </row>
    <row r="837" spans="1:4" x14ac:dyDescent="0.25">
      <c r="A837" s="1">
        <v>41820</v>
      </c>
      <c r="B837" s="2">
        <v>0.25765046296296296</v>
      </c>
      <c r="C837">
        <v>54.545399999999994</v>
      </c>
      <c r="D837">
        <v>109.09079999999999</v>
      </c>
    </row>
    <row r="838" spans="1:4" x14ac:dyDescent="0.25">
      <c r="A838" s="1">
        <v>41820</v>
      </c>
      <c r="B838" s="2">
        <v>0.25818287037037035</v>
      </c>
      <c r="C838">
        <v>54.611999999999995</v>
      </c>
      <c r="D838">
        <v>109.22399999999999</v>
      </c>
    </row>
    <row r="839" spans="1:4" x14ac:dyDescent="0.25">
      <c r="A839" s="1">
        <v>41820</v>
      </c>
      <c r="B839" s="2">
        <v>0.25865740740740739</v>
      </c>
      <c r="C839">
        <v>54.678599999999996</v>
      </c>
      <c r="D839">
        <v>109.35719999999999</v>
      </c>
    </row>
    <row r="840" spans="1:4" x14ac:dyDescent="0.25">
      <c r="A840" s="1">
        <v>41820</v>
      </c>
      <c r="B840" s="2">
        <v>0.25916666666666666</v>
      </c>
      <c r="C840">
        <v>54.745199999999997</v>
      </c>
      <c r="D840">
        <v>109.49039999999999</v>
      </c>
    </row>
    <row r="841" spans="1:4" x14ac:dyDescent="0.25">
      <c r="A841" s="1">
        <v>41820</v>
      </c>
      <c r="B841" s="2">
        <v>0.2596296296296296</v>
      </c>
      <c r="C841">
        <v>54.811799999999998</v>
      </c>
      <c r="D841">
        <v>109.6236</v>
      </c>
    </row>
    <row r="842" spans="1:4" x14ac:dyDescent="0.25">
      <c r="A842" s="1">
        <v>41820</v>
      </c>
      <c r="B842" s="2">
        <v>0.26012731481481483</v>
      </c>
      <c r="C842">
        <v>54.878399999999992</v>
      </c>
      <c r="D842">
        <v>109.75679999999998</v>
      </c>
    </row>
    <row r="843" spans="1:4" x14ac:dyDescent="0.25">
      <c r="A843" s="1">
        <v>41820</v>
      </c>
      <c r="B843" s="2">
        <v>0.26057870370370367</v>
      </c>
      <c r="C843">
        <v>54.944999999999993</v>
      </c>
      <c r="D843">
        <v>109.88999999999999</v>
      </c>
    </row>
    <row r="844" spans="1:4" x14ac:dyDescent="0.25">
      <c r="A844" s="1">
        <v>41820</v>
      </c>
      <c r="B844" s="2">
        <v>0.26106481481481481</v>
      </c>
      <c r="C844">
        <v>55.011600000000001</v>
      </c>
      <c r="D844">
        <v>110.0232</v>
      </c>
    </row>
    <row r="845" spans="1:4" x14ac:dyDescent="0.25">
      <c r="A845" s="1">
        <v>41820</v>
      </c>
      <c r="B845" s="2">
        <v>0.26150462962962961</v>
      </c>
      <c r="C845">
        <v>55.078199999999995</v>
      </c>
      <c r="D845">
        <v>110.15639999999999</v>
      </c>
    </row>
    <row r="846" spans="1:4" x14ac:dyDescent="0.25">
      <c r="A846" s="1">
        <v>41820</v>
      </c>
      <c r="B846" s="2">
        <v>0.26197916666666665</v>
      </c>
      <c r="C846">
        <v>55.144799999999996</v>
      </c>
      <c r="D846">
        <v>110.28959999999999</v>
      </c>
    </row>
    <row r="847" spans="1:4" x14ac:dyDescent="0.25">
      <c r="A847" s="1">
        <v>41820</v>
      </c>
      <c r="B847" s="2">
        <v>0.26243055555555556</v>
      </c>
      <c r="C847">
        <v>55.211399999999998</v>
      </c>
      <c r="D847">
        <v>110.4228</v>
      </c>
    </row>
    <row r="848" spans="1:4" x14ac:dyDescent="0.25">
      <c r="A848" s="1">
        <v>41820</v>
      </c>
      <c r="B848" s="2">
        <v>0.26289351851851855</v>
      </c>
      <c r="C848">
        <v>55.277999999999992</v>
      </c>
      <c r="D848">
        <v>110.55599999999998</v>
      </c>
    </row>
    <row r="849" spans="1:4" x14ac:dyDescent="0.25">
      <c r="A849" s="1">
        <v>41820</v>
      </c>
      <c r="B849" s="2">
        <v>0.2633449074074074</v>
      </c>
      <c r="C849">
        <v>55.3446</v>
      </c>
      <c r="D849">
        <v>110.6892</v>
      </c>
    </row>
    <row r="850" spans="1:4" x14ac:dyDescent="0.25">
      <c r="A850" s="1">
        <v>41820</v>
      </c>
      <c r="B850" s="2">
        <v>0.26381944444444444</v>
      </c>
      <c r="C850">
        <v>55.411199999999994</v>
      </c>
      <c r="D850">
        <v>110.82239999999999</v>
      </c>
    </row>
    <row r="851" spans="1:4" x14ac:dyDescent="0.25">
      <c r="A851" s="1">
        <v>41820</v>
      </c>
      <c r="B851" s="2">
        <v>0.26427083333333334</v>
      </c>
      <c r="C851">
        <v>55.477799999999995</v>
      </c>
      <c r="D851">
        <v>110.95559999999999</v>
      </c>
    </row>
    <row r="852" spans="1:4" x14ac:dyDescent="0.25">
      <c r="A852" s="1">
        <v>41820</v>
      </c>
      <c r="B852" s="2">
        <v>0.26475694444444448</v>
      </c>
      <c r="C852">
        <v>55.544399999999996</v>
      </c>
      <c r="D852">
        <v>111.08879999999999</v>
      </c>
    </row>
    <row r="853" spans="1:4" x14ac:dyDescent="0.25">
      <c r="A853" s="1">
        <v>41820</v>
      </c>
      <c r="B853" s="2">
        <v>0.26520833333333332</v>
      </c>
      <c r="C853">
        <v>55.61099999999999</v>
      </c>
      <c r="D853">
        <v>111.22199999999998</v>
      </c>
    </row>
    <row r="854" spans="1:4" x14ac:dyDescent="0.25">
      <c r="A854" s="1">
        <v>41820</v>
      </c>
      <c r="B854" s="2">
        <v>0.26569444444444446</v>
      </c>
      <c r="C854">
        <v>55.677599999999998</v>
      </c>
      <c r="D854">
        <v>111.3552</v>
      </c>
    </row>
    <row r="855" spans="1:4" x14ac:dyDescent="0.25">
      <c r="A855" s="1">
        <v>41820</v>
      </c>
      <c r="B855" s="2">
        <v>0.26616898148148149</v>
      </c>
      <c r="C855">
        <v>55.744199999999999</v>
      </c>
      <c r="D855">
        <v>111.4884</v>
      </c>
    </row>
    <row r="856" spans="1:4" x14ac:dyDescent="0.25">
      <c r="A856" s="1">
        <v>41820</v>
      </c>
      <c r="B856" s="2">
        <v>0.26665509259259262</v>
      </c>
      <c r="C856">
        <v>55.810799999999993</v>
      </c>
      <c r="D856">
        <v>111.62159999999999</v>
      </c>
    </row>
    <row r="857" spans="1:4" x14ac:dyDescent="0.25">
      <c r="A857" s="1">
        <v>41820</v>
      </c>
      <c r="B857" s="2">
        <v>0.26712962962962966</v>
      </c>
      <c r="C857">
        <v>55.877399999999994</v>
      </c>
      <c r="D857">
        <v>111.75479999999999</v>
      </c>
    </row>
    <row r="858" spans="1:4" x14ac:dyDescent="0.25">
      <c r="A858" s="1">
        <v>41820</v>
      </c>
      <c r="B858" s="2">
        <v>0.26762731481481483</v>
      </c>
      <c r="C858">
        <v>55.943999999999996</v>
      </c>
      <c r="D858">
        <v>111.88799999999999</v>
      </c>
    </row>
    <row r="859" spans="1:4" x14ac:dyDescent="0.25">
      <c r="A859" s="1">
        <v>41820</v>
      </c>
      <c r="B859" s="2">
        <v>0.26810185185185187</v>
      </c>
      <c r="C859">
        <v>56.010599999999997</v>
      </c>
      <c r="D859">
        <v>112.02119999999999</v>
      </c>
    </row>
    <row r="860" spans="1:4" x14ac:dyDescent="0.25">
      <c r="A860" s="1">
        <v>41820</v>
      </c>
      <c r="B860" s="2">
        <v>0.26861111111111108</v>
      </c>
      <c r="C860">
        <v>56.077199999999998</v>
      </c>
      <c r="D860">
        <v>112.1544</v>
      </c>
    </row>
    <row r="861" spans="1:4" x14ac:dyDescent="0.25">
      <c r="A861" s="1">
        <v>41820</v>
      </c>
      <c r="B861" s="2">
        <v>0.26909722222222221</v>
      </c>
      <c r="C861">
        <v>56.143799999999999</v>
      </c>
      <c r="D861">
        <v>112.2876</v>
      </c>
    </row>
    <row r="862" spans="1:4" x14ac:dyDescent="0.25">
      <c r="A862" s="1">
        <v>41820</v>
      </c>
      <c r="B862" s="2">
        <v>0.26961805555555557</v>
      </c>
      <c r="C862">
        <v>56.210399999999993</v>
      </c>
      <c r="D862">
        <v>112.42079999999999</v>
      </c>
    </row>
    <row r="863" spans="1:4" x14ac:dyDescent="0.25">
      <c r="A863" s="1">
        <v>41820</v>
      </c>
      <c r="B863" s="2">
        <v>0.27011574074074074</v>
      </c>
      <c r="C863">
        <v>56.276999999999994</v>
      </c>
      <c r="D863">
        <v>112.55399999999999</v>
      </c>
    </row>
    <row r="864" spans="1:4" x14ac:dyDescent="0.25">
      <c r="A864" s="1">
        <v>41820</v>
      </c>
      <c r="B864" s="2">
        <v>0.27064814814814814</v>
      </c>
      <c r="C864">
        <v>56.343599999999995</v>
      </c>
      <c r="D864">
        <v>112.68719999999999</v>
      </c>
    </row>
    <row r="865" spans="1:4" x14ac:dyDescent="0.25">
      <c r="A865" s="1">
        <v>41820</v>
      </c>
      <c r="B865" s="2">
        <v>0.2711574074074074</v>
      </c>
      <c r="C865">
        <v>56.410199999999996</v>
      </c>
      <c r="D865">
        <v>112.82039999999999</v>
      </c>
    </row>
    <row r="866" spans="1:4" x14ac:dyDescent="0.25">
      <c r="A866" s="1">
        <v>41820</v>
      </c>
      <c r="B866" s="2">
        <v>0.2717013888888889</v>
      </c>
      <c r="C866">
        <v>56.476799999999997</v>
      </c>
      <c r="D866">
        <v>112.95359999999999</v>
      </c>
    </row>
    <row r="867" spans="1:4" x14ac:dyDescent="0.25">
      <c r="A867" s="1">
        <v>41820</v>
      </c>
      <c r="B867" s="2">
        <v>0.2722222222222222</v>
      </c>
      <c r="C867">
        <v>56.543399999999991</v>
      </c>
      <c r="D867">
        <v>113.08679999999998</v>
      </c>
    </row>
    <row r="868" spans="1:4" x14ac:dyDescent="0.25">
      <c r="A868" s="1">
        <v>41820</v>
      </c>
      <c r="B868" s="2">
        <v>0.27278935185185188</v>
      </c>
      <c r="C868">
        <v>56.609999999999992</v>
      </c>
      <c r="D868">
        <v>113.21999999999998</v>
      </c>
    </row>
    <row r="869" spans="1:4" x14ac:dyDescent="0.25">
      <c r="A869" s="1">
        <v>41820</v>
      </c>
      <c r="B869" s="2">
        <v>0.27332175925925922</v>
      </c>
      <c r="C869">
        <v>56.676600000000001</v>
      </c>
      <c r="D869">
        <v>113.3532</v>
      </c>
    </row>
    <row r="870" spans="1:4" x14ac:dyDescent="0.25">
      <c r="A870" s="1">
        <v>41820</v>
      </c>
      <c r="B870" s="2">
        <v>0.2738888888888889</v>
      </c>
      <c r="C870">
        <v>56.743199999999995</v>
      </c>
      <c r="D870">
        <v>113.48639999999999</v>
      </c>
    </row>
    <row r="871" spans="1:4" x14ac:dyDescent="0.25">
      <c r="A871" s="1">
        <v>41820</v>
      </c>
      <c r="B871" s="2">
        <v>0.2744328703703704</v>
      </c>
      <c r="C871">
        <v>56.809799999999996</v>
      </c>
      <c r="D871">
        <v>113.61959999999999</v>
      </c>
    </row>
    <row r="872" spans="1:4" x14ac:dyDescent="0.25">
      <c r="A872" s="1">
        <v>41820</v>
      </c>
      <c r="B872" s="2">
        <v>0.27501157407407406</v>
      </c>
      <c r="C872">
        <v>56.876399999999997</v>
      </c>
      <c r="D872">
        <v>113.75279999999999</v>
      </c>
    </row>
    <row r="873" spans="1:4" x14ac:dyDescent="0.25">
      <c r="A873" s="1">
        <v>41820</v>
      </c>
      <c r="B873" s="2">
        <v>0.27557870370370369</v>
      </c>
      <c r="C873">
        <v>56.942999999999991</v>
      </c>
      <c r="D873">
        <v>113.88599999999998</v>
      </c>
    </row>
    <row r="874" spans="1:4" x14ac:dyDescent="0.25">
      <c r="A874" s="1">
        <v>41820</v>
      </c>
      <c r="B874" s="2">
        <v>0.27616898148148145</v>
      </c>
      <c r="C874">
        <v>57.009599999999999</v>
      </c>
      <c r="D874">
        <v>114.0192</v>
      </c>
    </row>
    <row r="875" spans="1:4" x14ac:dyDescent="0.25">
      <c r="A875" s="1">
        <v>41820</v>
      </c>
      <c r="B875" s="2">
        <v>0.27673611111111113</v>
      </c>
      <c r="C875">
        <v>57.0762</v>
      </c>
      <c r="D875">
        <v>114.1524</v>
      </c>
    </row>
    <row r="876" spans="1:4" x14ac:dyDescent="0.25">
      <c r="A876" s="1">
        <v>41820</v>
      </c>
      <c r="B876" s="2">
        <v>0.27732638888888889</v>
      </c>
      <c r="C876">
        <v>57.142799999999994</v>
      </c>
      <c r="D876">
        <v>114.28559999999999</v>
      </c>
    </row>
    <row r="877" spans="1:4" x14ac:dyDescent="0.25">
      <c r="A877" s="1">
        <v>41820</v>
      </c>
      <c r="B877" s="2">
        <v>0.27790509259259261</v>
      </c>
      <c r="C877">
        <v>57.209399999999995</v>
      </c>
      <c r="D877">
        <v>114.41879999999999</v>
      </c>
    </row>
    <row r="878" spans="1:4" x14ac:dyDescent="0.25">
      <c r="A878" s="1">
        <v>41820</v>
      </c>
      <c r="B878" s="2">
        <v>0.27851851851851855</v>
      </c>
      <c r="C878">
        <v>57.275999999999996</v>
      </c>
      <c r="D878">
        <v>114.55199999999999</v>
      </c>
    </row>
    <row r="879" spans="1:4" x14ac:dyDescent="0.25">
      <c r="A879" s="1">
        <v>41820</v>
      </c>
      <c r="B879" s="2">
        <v>0.27909722222222222</v>
      </c>
      <c r="C879">
        <v>57.342599999999997</v>
      </c>
      <c r="D879">
        <v>114.68519999999999</v>
      </c>
    </row>
    <row r="880" spans="1:4" x14ac:dyDescent="0.25">
      <c r="A880" s="1">
        <v>41820</v>
      </c>
      <c r="B880" s="2">
        <v>0.27971064814814817</v>
      </c>
      <c r="C880">
        <v>57.409199999999998</v>
      </c>
      <c r="D880">
        <v>114.8184</v>
      </c>
    </row>
    <row r="881" spans="1:4" x14ac:dyDescent="0.25">
      <c r="A881" s="1">
        <v>41820</v>
      </c>
      <c r="B881" s="2">
        <v>0.28030092592592593</v>
      </c>
      <c r="C881">
        <v>57.475799999999992</v>
      </c>
      <c r="D881">
        <v>114.95159999999998</v>
      </c>
    </row>
    <row r="882" spans="1:4" x14ac:dyDescent="0.25">
      <c r="A882" s="1">
        <v>41820</v>
      </c>
      <c r="B882" s="2">
        <v>0.28092592592592591</v>
      </c>
      <c r="C882">
        <v>57.542399999999994</v>
      </c>
      <c r="D882">
        <v>115.08479999999999</v>
      </c>
    </row>
    <row r="883" spans="1:4" x14ac:dyDescent="0.25">
      <c r="A883" s="1">
        <v>41820</v>
      </c>
      <c r="B883" s="2">
        <v>0.28152777777777777</v>
      </c>
      <c r="C883">
        <v>57.608999999999995</v>
      </c>
      <c r="D883">
        <v>115.21799999999999</v>
      </c>
    </row>
    <row r="884" spans="1:4" x14ac:dyDescent="0.25">
      <c r="A884" s="1">
        <v>41820</v>
      </c>
      <c r="B884" s="2">
        <v>0.28215277777777775</v>
      </c>
      <c r="C884">
        <v>57.675599999999996</v>
      </c>
      <c r="D884">
        <v>115.35119999999999</v>
      </c>
    </row>
    <row r="885" spans="1:4" x14ac:dyDescent="0.25">
      <c r="A885" s="1">
        <v>41820</v>
      </c>
      <c r="B885" s="2">
        <v>0.2827662037037037</v>
      </c>
      <c r="C885">
        <v>57.742199999999997</v>
      </c>
      <c r="D885">
        <v>115.48439999999999</v>
      </c>
    </row>
    <row r="886" spans="1:4" x14ac:dyDescent="0.25">
      <c r="A886" s="1">
        <v>41820</v>
      </c>
      <c r="B886" s="2">
        <v>0.28340277777777778</v>
      </c>
      <c r="C886">
        <v>57.808799999999998</v>
      </c>
      <c r="D886">
        <v>115.6176</v>
      </c>
    </row>
    <row r="887" spans="1:4" x14ac:dyDescent="0.25">
      <c r="A887" s="1">
        <v>41820</v>
      </c>
      <c r="B887" s="2">
        <v>0.28401620370370367</v>
      </c>
      <c r="C887">
        <v>57.875399999999992</v>
      </c>
      <c r="D887">
        <v>115.75079999999998</v>
      </c>
    </row>
    <row r="888" spans="1:4" x14ac:dyDescent="0.25">
      <c r="A888" s="1">
        <v>41820</v>
      </c>
      <c r="B888" s="2">
        <v>0.28465277777777781</v>
      </c>
      <c r="C888">
        <v>57.941999999999993</v>
      </c>
      <c r="D888">
        <v>115.88399999999999</v>
      </c>
    </row>
    <row r="889" spans="1:4" x14ac:dyDescent="0.25">
      <c r="A889" s="1">
        <v>41820</v>
      </c>
      <c r="B889" s="2">
        <v>0.2852777777777778</v>
      </c>
      <c r="C889">
        <v>58.008600000000001</v>
      </c>
      <c r="D889">
        <v>116.0172</v>
      </c>
    </row>
    <row r="890" spans="1:4" x14ac:dyDescent="0.25">
      <c r="A890" s="1">
        <v>41820</v>
      </c>
      <c r="B890" s="2">
        <v>0.28592592592592592</v>
      </c>
      <c r="C890">
        <v>58.075199999999995</v>
      </c>
      <c r="D890">
        <v>116.15039999999999</v>
      </c>
    </row>
    <row r="891" spans="1:4" x14ac:dyDescent="0.25">
      <c r="A891" s="1">
        <v>41820</v>
      </c>
      <c r="B891" s="2">
        <v>0.2865625</v>
      </c>
      <c r="C891">
        <v>58.141799999999996</v>
      </c>
      <c r="D891">
        <v>116.28359999999999</v>
      </c>
    </row>
    <row r="892" spans="1:4" x14ac:dyDescent="0.25">
      <c r="A892" s="1">
        <v>41820</v>
      </c>
      <c r="B892" s="2">
        <v>0.28723379629629631</v>
      </c>
      <c r="C892">
        <v>58.208399999999997</v>
      </c>
      <c r="D892">
        <v>116.41679999999999</v>
      </c>
    </row>
    <row r="893" spans="1:4" x14ac:dyDescent="0.25">
      <c r="A893" s="1">
        <v>41820</v>
      </c>
      <c r="B893" s="2">
        <v>0.28788194444444443</v>
      </c>
      <c r="C893">
        <v>58.274999999999991</v>
      </c>
      <c r="D893">
        <v>116.54999999999998</v>
      </c>
    </row>
    <row r="894" spans="1:4" x14ac:dyDescent="0.25">
      <c r="A894" s="1">
        <v>41820</v>
      </c>
      <c r="B894" s="2">
        <v>0.28855324074074074</v>
      </c>
      <c r="C894">
        <v>58.3416</v>
      </c>
      <c r="D894">
        <v>116.6832</v>
      </c>
    </row>
    <row r="895" spans="1:4" x14ac:dyDescent="0.25">
      <c r="A895" s="1">
        <v>41820</v>
      </c>
      <c r="B895" s="2">
        <v>0.28921296296296295</v>
      </c>
      <c r="C895">
        <v>58.408199999999994</v>
      </c>
      <c r="D895">
        <v>116.81639999999999</v>
      </c>
    </row>
    <row r="896" spans="1:4" x14ac:dyDescent="0.25">
      <c r="A896" s="1">
        <v>41820</v>
      </c>
      <c r="B896" s="2">
        <v>0.28990740740740745</v>
      </c>
      <c r="C896">
        <v>58.474799999999995</v>
      </c>
      <c r="D896">
        <v>116.94959999999999</v>
      </c>
    </row>
    <row r="897" spans="1:4" x14ac:dyDescent="0.25">
      <c r="A897" s="1">
        <v>41820</v>
      </c>
      <c r="B897" s="2">
        <v>0.29056712962962966</v>
      </c>
      <c r="C897">
        <v>58.541399999999996</v>
      </c>
      <c r="D897">
        <v>117.08279999999999</v>
      </c>
    </row>
    <row r="898" spans="1:4" x14ac:dyDescent="0.25">
      <c r="A898" s="1">
        <v>41820</v>
      </c>
      <c r="B898" s="2">
        <v>0.29128472222222224</v>
      </c>
      <c r="C898">
        <v>58.60799999999999</v>
      </c>
      <c r="D898">
        <v>117.21599999999998</v>
      </c>
    </row>
    <row r="899" spans="1:4" x14ac:dyDescent="0.25">
      <c r="A899" s="1">
        <v>41820</v>
      </c>
      <c r="B899" s="2">
        <v>0.29196759259259258</v>
      </c>
      <c r="C899">
        <v>58.674599999999998</v>
      </c>
      <c r="D899">
        <v>117.3492</v>
      </c>
    </row>
    <row r="900" spans="1:4" x14ac:dyDescent="0.25">
      <c r="A900" s="1">
        <v>41820</v>
      </c>
      <c r="B900" s="2">
        <v>0.29269675925925925</v>
      </c>
      <c r="C900">
        <v>58.741199999999999</v>
      </c>
      <c r="D900">
        <v>117.4824</v>
      </c>
    </row>
    <row r="901" spans="1:4" x14ac:dyDescent="0.25">
      <c r="A901" s="1">
        <v>41820</v>
      </c>
      <c r="B901" s="2">
        <v>0.29340277777777779</v>
      </c>
      <c r="C901">
        <v>58.807799999999993</v>
      </c>
      <c r="D901">
        <v>117.61559999999999</v>
      </c>
    </row>
    <row r="902" spans="1:4" x14ac:dyDescent="0.25">
      <c r="A902" s="1">
        <v>41820</v>
      </c>
      <c r="B902" s="2">
        <v>0.29415509259259259</v>
      </c>
      <c r="C902">
        <v>58.874399999999994</v>
      </c>
      <c r="D902">
        <v>117.74879999999999</v>
      </c>
    </row>
    <row r="903" spans="1:4" x14ac:dyDescent="0.25">
      <c r="A903" s="1">
        <v>41820</v>
      </c>
      <c r="B903" s="2">
        <v>0.29487268518518517</v>
      </c>
      <c r="C903">
        <v>58.940999999999995</v>
      </c>
      <c r="D903">
        <v>117.88199999999999</v>
      </c>
    </row>
    <row r="904" spans="1:4" x14ac:dyDescent="0.25">
      <c r="A904" s="1">
        <v>41820</v>
      </c>
      <c r="B904" s="2">
        <v>0.2956597222222222</v>
      </c>
      <c r="C904">
        <v>59.007599999999996</v>
      </c>
      <c r="D904">
        <v>118.01519999999999</v>
      </c>
    </row>
    <row r="905" spans="1:4" x14ac:dyDescent="0.25">
      <c r="A905" s="1">
        <v>41820</v>
      </c>
      <c r="B905" s="2">
        <v>0.29641203703703706</v>
      </c>
      <c r="C905">
        <v>59.074199999999998</v>
      </c>
      <c r="D905">
        <v>118.1484</v>
      </c>
    </row>
    <row r="906" spans="1:4" x14ac:dyDescent="0.25">
      <c r="A906" s="1">
        <v>41820</v>
      </c>
      <c r="B906" s="2">
        <v>0.29722222222222222</v>
      </c>
      <c r="C906">
        <v>59.140799999999999</v>
      </c>
      <c r="D906">
        <v>118.2816</v>
      </c>
    </row>
    <row r="907" spans="1:4" x14ac:dyDescent="0.25">
      <c r="A907" s="1">
        <v>41820</v>
      </c>
      <c r="B907" s="2">
        <v>0.29800925925925925</v>
      </c>
      <c r="C907">
        <v>59.207399999999993</v>
      </c>
      <c r="D907">
        <v>118.41479999999999</v>
      </c>
    </row>
    <row r="908" spans="1:4" x14ac:dyDescent="0.25">
      <c r="A908" s="1">
        <v>41820</v>
      </c>
      <c r="B908" s="2">
        <v>0.2988425925925926</v>
      </c>
      <c r="C908">
        <v>59.273999999999994</v>
      </c>
      <c r="D908">
        <v>118.54799999999999</v>
      </c>
    </row>
    <row r="909" spans="1:4" x14ac:dyDescent="0.25">
      <c r="A909" s="1">
        <v>41820</v>
      </c>
      <c r="B909" s="2">
        <v>0.29966435185185186</v>
      </c>
      <c r="C909">
        <v>59.340600000000002</v>
      </c>
      <c r="D909">
        <v>118.6812</v>
      </c>
    </row>
    <row r="910" spans="1:4" x14ac:dyDescent="0.25">
      <c r="A910" s="1">
        <v>41820</v>
      </c>
      <c r="B910" s="2">
        <v>0.30053240740740744</v>
      </c>
      <c r="C910">
        <v>59.407199999999996</v>
      </c>
      <c r="D910">
        <v>118.81439999999999</v>
      </c>
    </row>
    <row r="911" spans="1:4" x14ac:dyDescent="0.25">
      <c r="A911" s="1">
        <v>41820</v>
      </c>
      <c r="B911" s="2">
        <v>0.30138888888888887</v>
      </c>
      <c r="C911">
        <v>59.473799999999997</v>
      </c>
      <c r="D911">
        <v>118.94759999999999</v>
      </c>
    </row>
    <row r="912" spans="1:4" x14ac:dyDescent="0.25">
      <c r="A912" s="1">
        <v>41820</v>
      </c>
      <c r="B912" s="2">
        <v>0.30230324074074072</v>
      </c>
      <c r="C912">
        <v>59.540399999999991</v>
      </c>
      <c r="D912">
        <v>119.08079999999998</v>
      </c>
    </row>
    <row r="913" spans="1:4" x14ac:dyDescent="0.25">
      <c r="A913" s="1">
        <v>41820</v>
      </c>
      <c r="B913" s="2">
        <v>0.30319444444444443</v>
      </c>
      <c r="C913">
        <v>59.606999999999992</v>
      </c>
      <c r="D913">
        <v>119.21399999999998</v>
      </c>
    </row>
    <row r="914" spans="1:4" x14ac:dyDescent="0.25">
      <c r="A914" s="1">
        <v>41820</v>
      </c>
      <c r="B914" s="2">
        <v>0.3041550925925926</v>
      </c>
      <c r="C914">
        <v>59.673599999999993</v>
      </c>
      <c r="D914">
        <v>119.34719999999999</v>
      </c>
    </row>
    <row r="915" spans="1:4" x14ac:dyDescent="0.25">
      <c r="A915" s="1">
        <v>41820</v>
      </c>
      <c r="B915" s="2">
        <v>0.30509259259259258</v>
      </c>
      <c r="C915">
        <v>59.740199999999994</v>
      </c>
      <c r="D915">
        <v>119.48039999999999</v>
      </c>
    </row>
    <row r="916" spans="1:4" x14ac:dyDescent="0.25">
      <c r="A916" s="1">
        <v>41820</v>
      </c>
      <c r="B916" s="2">
        <v>0.30608796296296298</v>
      </c>
      <c r="C916">
        <v>59.806799999999996</v>
      </c>
      <c r="D916">
        <v>119.61359999999999</v>
      </c>
    </row>
    <row r="917" spans="1:4" x14ac:dyDescent="0.25">
      <c r="A917" s="1">
        <v>41820</v>
      </c>
      <c r="B917" s="2">
        <v>0.30707175925925928</v>
      </c>
      <c r="C917">
        <v>59.873399999999997</v>
      </c>
      <c r="D917">
        <v>119.74679999999999</v>
      </c>
    </row>
    <row r="918" spans="1:4" x14ac:dyDescent="0.25">
      <c r="A918" s="1">
        <v>41820</v>
      </c>
      <c r="B918" s="2">
        <v>0.30811342592592594</v>
      </c>
      <c r="C918">
        <v>59.939999999999991</v>
      </c>
      <c r="D918">
        <v>119.87999999999998</v>
      </c>
    </row>
    <row r="919" spans="1:4" x14ac:dyDescent="0.25">
      <c r="A919" s="1">
        <v>41820</v>
      </c>
      <c r="B919" s="2">
        <v>0.30913194444444442</v>
      </c>
      <c r="C919">
        <v>60.006599999999992</v>
      </c>
      <c r="D919">
        <v>120.01319999999998</v>
      </c>
    </row>
    <row r="920" spans="1:4" x14ac:dyDescent="0.25">
      <c r="A920" s="1">
        <v>41820</v>
      </c>
      <c r="B920" s="2">
        <v>0.3102199074074074</v>
      </c>
      <c r="C920">
        <v>60.0732</v>
      </c>
      <c r="D920">
        <v>120.1464</v>
      </c>
    </row>
    <row r="921" spans="1:4" x14ac:dyDescent="0.25">
      <c r="A921" s="1">
        <v>41820</v>
      </c>
      <c r="B921" s="2">
        <v>0.3112847222222222</v>
      </c>
      <c r="C921">
        <v>60.139799999999994</v>
      </c>
      <c r="D921">
        <v>120.27959999999999</v>
      </c>
    </row>
    <row r="922" spans="1:4" x14ac:dyDescent="0.25">
      <c r="A922" s="1">
        <v>41820</v>
      </c>
      <c r="B922" s="2">
        <v>0.31240740740740741</v>
      </c>
      <c r="C922">
        <v>60.206399999999995</v>
      </c>
      <c r="D922">
        <v>120.41279999999999</v>
      </c>
    </row>
    <row r="923" spans="1:4" x14ac:dyDescent="0.25">
      <c r="A923" s="1">
        <v>41820</v>
      </c>
      <c r="B923" s="2">
        <v>0.31353009259259262</v>
      </c>
      <c r="C923">
        <v>60.272999999999996</v>
      </c>
      <c r="D923">
        <v>120.54599999999999</v>
      </c>
    </row>
    <row r="924" spans="1:4" x14ac:dyDescent="0.25">
      <c r="A924" s="1">
        <v>41820</v>
      </c>
      <c r="B924" s="2">
        <v>0.31472222222222224</v>
      </c>
      <c r="C924">
        <v>60.33959999999999</v>
      </c>
      <c r="D924">
        <v>120.67919999999998</v>
      </c>
    </row>
    <row r="925" spans="1:4" x14ac:dyDescent="0.25">
      <c r="A925" s="1">
        <v>41820</v>
      </c>
      <c r="B925" s="2">
        <v>0.31586805555555558</v>
      </c>
      <c r="C925">
        <v>60.406199999999998</v>
      </c>
      <c r="D925">
        <v>120.8124</v>
      </c>
    </row>
    <row r="926" spans="1:4" x14ac:dyDescent="0.25">
      <c r="A926" s="1">
        <v>41820</v>
      </c>
      <c r="B926" s="2">
        <v>0.31710648148148146</v>
      </c>
      <c r="C926">
        <v>60.472799999999992</v>
      </c>
      <c r="D926">
        <v>120.94559999999998</v>
      </c>
    </row>
    <row r="927" spans="1:4" x14ac:dyDescent="0.25">
      <c r="A927" s="1">
        <v>41820</v>
      </c>
      <c r="B927" s="2">
        <v>0.31832175925925926</v>
      </c>
      <c r="C927">
        <v>60.539399999999993</v>
      </c>
      <c r="D927">
        <v>121.07879999999999</v>
      </c>
    </row>
    <row r="928" spans="1:4" x14ac:dyDescent="0.25">
      <c r="A928" s="1">
        <v>41820</v>
      </c>
      <c r="B928" s="2">
        <v>0.31961805555555556</v>
      </c>
      <c r="C928">
        <v>60.605999999999995</v>
      </c>
      <c r="D928">
        <v>121.21199999999999</v>
      </c>
    </row>
    <row r="929" spans="1:4" x14ac:dyDescent="0.25">
      <c r="A929" s="1">
        <v>41820</v>
      </c>
      <c r="B929" s="2">
        <v>0.32089120370370372</v>
      </c>
      <c r="C929">
        <v>60.672599999999989</v>
      </c>
      <c r="D929">
        <v>121.34519999999998</v>
      </c>
    </row>
    <row r="930" spans="1:4" x14ac:dyDescent="0.25">
      <c r="A930" s="1">
        <v>41820</v>
      </c>
      <c r="B930" s="2">
        <v>0.32225694444444447</v>
      </c>
      <c r="C930">
        <v>60.739199999999997</v>
      </c>
      <c r="D930">
        <v>121.47839999999999</v>
      </c>
    </row>
    <row r="931" spans="1:4" x14ac:dyDescent="0.25">
      <c r="A931" s="1">
        <v>41820</v>
      </c>
      <c r="B931" s="2">
        <v>0.3235763888888889</v>
      </c>
      <c r="C931">
        <v>60.805799999999998</v>
      </c>
      <c r="D931">
        <v>121.6116</v>
      </c>
    </row>
    <row r="932" spans="1:4" x14ac:dyDescent="0.25">
      <c r="A932" s="1">
        <v>41820</v>
      </c>
      <c r="B932" s="2">
        <v>0.32500000000000001</v>
      </c>
      <c r="C932">
        <v>60.872399999999992</v>
      </c>
      <c r="D932">
        <v>121.74479999999998</v>
      </c>
    </row>
    <row r="933" spans="1:4" x14ac:dyDescent="0.25">
      <c r="A933" s="1">
        <v>41820</v>
      </c>
      <c r="B933" s="2">
        <v>0.3263888888888889</v>
      </c>
      <c r="C933">
        <v>60.938999999999993</v>
      </c>
      <c r="D933">
        <v>121.87799999999999</v>
      </c>
    </row>
    <row r="934" spans="1:4" x14ac:dyDescent="0.25">
      <c r="A934" s="1">
        <v>41820</v>
      </c>
      <c r="B934" s="2">
        <v>0.32784722222222223</v>
      </c>
      <c r="C934">
        <v>61.005599999999994</v>
      </c>
      <c r="D934">
        <v>122.01119999999999</v>
      </c>
    </row>
    <row r="935" spans="1:4" x14ac:dyDescent="0.25">
      <c r="A935" s="1">
        <v>41820</v>
      </c>
      <c r="B935" s="2">
        <v>0.32931712962962961</v>
      </c>
      <c r="C935">
        <v>61.072199999999995</v>
      </c>
      <c r="D935">
        <v>122.14439999999999</v>
      </c>
    </row>
    <row r="936" spans="1:4" x14ac:dyDescent="0.25">
      <c r="A936" s="1">
        <v>41820</v>
      </c>
      <c r="B936" s="2">
        <v>0.33087962962962963</v>
      </c>
      <c r="C936">
        <v>61.138799999999996</v>
      </c>
      <c r="D936">
        <v>122.27759999999999</v>
      </c>
    </row>
    <row r="937" spans="1:4" x14ac:dyDescent="0.25">
      <c r="A937" s="1">
        <v>41820</v>
      </c>
      <c r="B937" s="2">
        <v>0.3323726851851852</v>
      </c>
      <c r="C937">
        <v>61.205399999999997</v>
      </c>
      <c r="D937">
        <v>122.41079999999999</v>
      </c>
    </row>
    <row r="938" spans="1:4" x14ac:dyDescent="0.25">
      <c r="A938" s="1">
        <v>41820</v>
      </c>
      <c r="B938" s="2">
        <v>0.33398148148148149</v>
      </c>
      <c r="C938">
        <v>61.271999999999991</v>
      </c>
      <c r="D938">
        <v>122.54399999999998</v>
      </c>
    </row>
    <row r="939" spans="1:4" x14ac:dyDescent="0.25">
      <c r="A939" s="1">
        <v>41820</v>
      </c>
      <c r="B939" s="2">
        <v>0.33555555555555555</v>
      </c>
      <c r="C939">
        <v>61.338599999999992</v>
      </c>
      <c r="D939">
        <v>122.67719999999998</v>
      </c>
    </row>
    <row r="940" spans="1:4" x14ac:dyDescent="0.25">
      <c r="A940" s="1">
        <v>41820</v>
      </c>
      <c r="B940" s="2">
        <v>0.3372337962962963</v>
      </c>
      <c r="C940">
        <v>61.405199999999994</v>
      </c>
      <c r="D940">
        <v>122.81039999999999</v>
      </c>
    </row>
    <row r="941" spans="1:4" x14ac:dyDescent="0.25">
      <c r="A941" s="1">
        <v>41820</v>
      </c>
      <c r="B941" s="2">
        <v>0.33887731481481481</v>
      </c>
      <c r="C941">
        <v>61.471799999999995</v>
      </c>
      <c r="D941">
        <v>122.94359999999999</v>
      </c>
    </row>
    <row r="942" spans="1:4" x14ac:dyDescent="0.25">
      <c r="A942" s="1">
        <v>41820</v>
      </c>
      <c r="B942" s="2">
        <v>0.3406481481481482</v>
      </c>
      <c r="C942">
        <v>61.538399999999996</v>
      </c>
      <c r="D942">
        <v>123.07679999999999</v>
      </c>
    </row>
    <row r="943" spans="1:4" x14ac:dyDescent="0.25">
      <c r="A943" s="1">
        <v>41820</v>
      </c>
      <c r="B943" s="2">
        <v>0.34236111111111112</v>
      </c>
      <c r="C943">
        <v>61.60499999999999</v>
      </c>
      <c r="D943">
        <v>123.20999999999998</v>
      </c>
    </row>
    <row r="944" spans="1:4" x14ac:dyDescent="0.25">
      <c r="A944" s="1">
        <v>41820</v>
      </c>
      <c r="B944" s="2">
        <v>0.34421296296296294</v>
      </c>
      <c r="C944">
        <v>61.671599999999991</v>
      </c>
      <c r="D944">
        <v>123.34319999999998</v>
      </c>
    </row>
    <row r="945" spans="1:4" x14ac:dyDescent="0.25">
      <c r="A945" s="1">
        <v>41820</v>
      </c>
      <c r="B945" s="2">
        <v>0.34600694444444446</v>
      </c>
      <c r="C945">
        <v>61.738199999999999</v>
      </c>
      <c r="D945">
        <v>123.4764</v>
      </c>
    </row>
    <row r="946" spans="1:4" x14ac:dyDescent="0.25">
      <c r="A946" s="1">
        <v>41820</v>
      </c>
      <c r="B946" s="2">
        <v>0.34795138888888894</v>
      </c>
      <c r="C946">
        <v>61.804799999999993</v>
      </c>
      <c r="D946">
        <v>123.60959999999999</v>
      </c>
    </row>
    <row r="947" spans="1:4" x14ac:dyDescent="0.25">
      <c r="A947" s="1">
        <v>41820</v>
      </c>
      <c r="B947" s="2">
        <v>0.34983796296296293</v>
      </c>
      <c r="C947">
        <v>61.871399999999994</v>
      </c>
      <c r="D947">
        <v>123.74279999999999</v>
      </c>
    </row>
    <row r="948" spans="1:4" x14ac:dyDescent="0.25">
      <c r="A948" s="1">
        <v>41820</v>
      </c>
      <c r="B948" s="2">
        <v>0.35188657407407403</v>
      </c>
      <c r="C948">
        <v>61.937999999999995</v>
      </c>
      <c r="D948">
        <v>123.87599999999999</v>
      </c>
    </row>
    <row r="949" spans="1:4" x14ac:dyDescent="0.25">
      <c r="A949" s="1">
        <v>41820</v>
      </c>
      <c r="B949" s="2">
        <v>0.35391203703703705</v>
      </c>
      <c r="C949">
        <v>62.004599999999989</v>
      </c>
      <c r="D949">
        <v>124.00919999999998</v>
      </c>
    </row>
    <row r="950" spans="1:4" x14ac:dyDescent="0.25">
      <c r="A950" s="1">
        <v>41820</v>
      </c>
      <c r="B950" s="2">
        <v>0.35608796296296297</v>
      </c>
      <c r="C950">
        <v>62.071199999999997</v>
      </c>
      <c r="D950">
        <v>124.14239999999999</v>
      </c>
    </row>
    <row r="951" spans="1:4" x14ac:dyDescent="0.25">
      <c r="A951" s="1">
        <v>41820</v>
      </c>
      <c r="B951" s="2">
        <v>0.35821759259259256</v>
      </c>
      <c r="C951">
        <v>62.137799999999999</v>
      </c>
      <c r="D951">
        <v>124.2756</v>
      </c>
    </row>
    <row r="952" spans="1:4" x14ac:dyDescent="0.25">
      <c r="A952" s="1">
        <v>41820</v>
      </c>
      <c r="B952" s="2">
        <v>0.36050925925925931</v>
      </c>
      <c r="C952">
        <v>62.204399999999993</v>
      </c>
      <c r="D952">
        <v>124.40879999999999</v>
      </c>
    </row>
    <row r="953" spans="1:4" x14ac:dyDescent="0.25">
      <c r="A953" s="1">
        <v>41820</v>
      </c>
      <c r="B953" s="2">
        <v>0.36276620370370366</v>
      </c>
      <c r="C953">
        <v>62.270999999999994</v>
      </c>
      <c r="D953">
        <v>124.54199999999999</v>
      </c>
    </row>
    <row r="954" spans="1:4" x14ac:dyDescent="0.25">
      <c r="A954" s="1">
        <v>41820</v>
      </c>
      <c r="B954" s="2">
        <v>0.36518518518518522</v>
      </c>
      <c r="C954">
        <v>62.337599999999995</v>
      </c>
      <c r="D954">
        <v>124.67519999999999</v>
      </c>
    </row>
    <row r="955" spans="1:4" x14ac:dyDescent="0.25">
      <c r="A955" s="1">
        <v>41820</v>
      </c>
      <c r="B955" s="2">
        <v>0.36759259259259264</v>
      </c>
      <c r="C955">
        <v>62.404199999999996</v>
      </c>
      <c r="D955">
        <v>124.80839999999999</v>
      </c>
    </row>
    <row r="956" spans="1:4" x14ac:dyDescent="0.25">
      <c r="A956" s="1">
        <v>41820</v>
      </c>
      <c r="B956" s="2">
        <v>0.37017361111111113</v>
      </c>
      <c r="C956">
        <v>62.470799999999997</v>
      </c>
      <c r="D956">
        <v>124.94159999999999</v>
      </c>
    </row>
    <row r="957" spans="1:4" x14ac:dyDescent="0.25">
      <c r="A957" s="1">
        <v>41820</v>
      </c>
      <c r="B957" s="2">
        <v>0.3727199074074074</v>
      </c>
      <c r="C957">
        <v>62.537399999999991</v>
      </c>
      <c r="D957">
        <v>125.07479999999998</v>
      </c>
    </row>
    <row r="958" spans="1:4" x14ac:dyDescent="0.25">
      <c r="A958" s="1">
        <v>41820</v>
      </c>
      <c r="B958" s="2">
        <v>0.37547453703703698</v>
      </c>
      <c r="C958">
        <v>62.603999999999992</v>
      </c>
      <c r="D958">
        <v>125.20799999999998</v>
      </c>
    </row>
    <row r="959" spans="1:4" x14ac:dyDescent="0.25">
      <c r="A959" s="1">
        <v>41820</v>
      </c>
      <c r="B959" s="2">
        <v>0.37819444444444444</v>
      </c>
      <c r="C959">
        <v>62.670599999999993</v>
      </c>
      <c r="D959">
        <v>125.34119999999999</v>
      </c>
    </row>
    <row r="960" spans="1:4" x14ac:dyDescent="0.25">
      <c r="A960" s="1">
        <v>41820</v>
      </c>
      <c r="B960" s="2">
        <v>0.38112268518518522</v>
      </c>
      <c r="C960">
        <v>62.737199999999994</v>
      </c>
      <c r="D960">
        <v>125.47439999999999</v>
      </c>
    </row>
    <row r="961" spans="1:4" x14ac:dyDescent="0.25">
      <c r="A961" s="1">
        <v>41820</v>
      </c>
      <c r="B961" s="2">
        <v>0.38403935185185184</v>
      </c>
      <c r="C961">
        <v>62.803799999999995</v>
      </c>
      <c r="D961">
        <v>125.60759999999999</v>
      </c>
    </row>
    <row r="962" spans="1:4" x14ac:dyDescent="0.25">
      <c r="A962" s="1">
        <v>41820</v>
      </c>
      <c r="B962" s="2">
        <v>0.38719907407407406</v>
      </c>
      <c r="C962">
        <v>62.870399999999997</v>
      </c>
      <c r="D962">
        <v>125.74079999999999</v>
      </c>
    </row>
    <row r="963" spans="1:4" x14ac:dyDescent="0.25">
      <c r="A963" s="1">
        <v>41820</v>
      </c>
      <c r="B963" s="2">
        <v>0.3903240740740741</v>
      </c>
      <c r="C963">
        <v>62.936999999999991</v>
      </c>
      <c r="D963">
        <v>125.87399999999998</v>
      </c>
    </row>
    <row r="964" spans="1:4" x14ac:dyDescent="0.25">
      <c r="A964" s="1">
        <v>41820</v>
      </c>
      <c r="B964" s="2">
        <v>0.39369212962962963</v>
      </c>
      <c r="C964">
        <v>63.003599999999992</v>
      </c>
      <c r="D964">
        <v>126.00719999999998</v>
      </c>
    </row>
    <row r="965" spans="1:4" x14ac:dyDescent="0.25">
      <c r="A965" s="1">
        <v>41820</v>
      </c>
      <c r="B965" s="2">
        <v>0.39699074074074076</v>
      </c>
      <c r="C965">
        <v>63.0702</v>
      </c>
      <c r="D965">
        <v>126.1404</v>
      </c>
    </row>
    <row r="966" spans="1:4" x14ac:dyDescent="0.25">
      <c r="A966" s="1">
        <v>41820</v>
      </c>
      <c r="B966" s="2">
        <v>0.40059027777777773</v>
      </c>
      <c r="C966">
        <v>63.136799999999994</v>
      </c>
      <c r="D966">
        <v>126.27359999999999</v>
      </c>
    </row>
    <row r="967" spans="1:4" x14ac:dyDescent="0.25">
      <c r="A967" s="1">
        <v>41820</v>
      </c>
      <c r="B967" s="2">
        <v>0.40415509259259258</v>
      </c>
      <c r="C967">
        <v>63.203399999999995</v>
      </c>
      <c r="D967">
        <v>126.40679999999999</v>
      </c>
    </row>
    <row r="968" spans="1:4" x14ac:dyDescent="0.25">
      <c r="A968" s="1">
        <v>41820</v>
      </c>
      <c r="B968" s="2">
        <v>0.40803240740740737</v>
      </c>
      <c r="C968">
        <v>63.269999999999996</v>
      </c>
      <c r="D968">
        <v>126.53999999999999</v>
      </c>
    </row>
    <row r="969" spans="1:4" x14ac:dyDescent="0.25">
      <c r="A969" s="1">
        <v>41820</v>
      </c>
      <c r="B969" s="2">
        <v>0.4117939814814815</v>
      </c>
      <c r="C969">
        <v>63.33659999999999</v>
      </c>
      <c r="D969">
        <v>126.67319999999998</v>
      </c>
    </row>
    <row r="970" spans="1:4" x14ac:dyDescent="0.25">
      <c r="A970" s="1">
        <v>41820</v>
      </c>
      <c r="B970" s="2">
        <v>0.41502314814814811</v>
      </c>
      <c r="C970">
        <v>63.33659999999999</v>
      </c>
      <c r="D970">
        <v>126.67319999999998</v>
      </c>
    </row>
    <row r="971" spans="1:4" x14ac:dyDescent="0.25">
      <c r="A971" s="1">
        <v>41820</v>
      </c>
      <c r="B971" s="2">
        <v>0.41696759259259258</v>
      </c>
      <c r="C971">
        <v>63.403199999999998</v>
      </c>
      <c r="D971">
        <v>126.8064</v>
      </c>
    </row>
    <row r="972" spans="1:4" x14ac:dyDescent="0.25">
      <c r="A972" s="1">
        <v>41820</v>
      </c>
      <c r="B972" s="2">
        <v>0.41935185185185181</v>
      </c>
      <c r="C972">
        <v>63.469799999999992</v>
      </c>
      <c r="D972">
        <v>126.93959999999998</v>
      </c>
    </row>
    <row r="973" spans="1:4" x14ac:dyDescent="0.25">
      <c r="A973" s="1">
        <v>41820</v>
      </c>
      <c r="B973" s="2">
        <v>0.42378472222222219</v>
      </c>
      <c r="C973">
        <v>63.536399999999993</v>
      </c>
      <c r="D973">
        <v>127.07279999999999</v>
      </c>
    </row>
    <row r="974" spans="1:4" x14ac:dyDescent="0.25">
      <c r="A974" s="1">
        <v>41820</v>
      </c>
      <c r="B974" s="2">
        <v>0.42820601851851853</v>
      </c>
      <c r="C974">
        <v>63.602999999999994</v>
      </c>
      <c r="D974">
        <v>127.20599999999999</v>
      </c>
    </row>
    <row r="975" spans="1:4" x14ac:dyDescent="0.25">
      <c r="A975" s="1">
        <v>41820</v>
      </c>
      <c r="B975" s="2">
        <v>0.43298611111111113</v>
      </c>
      <c r="C975">
        <v>63.669599999999988</v>
      </c>
      <c r="D975">
        <v>127.33919999999998</v>
      </c>
    </row>
    <row r="976" spans="1:4" x14ac:dyDescent="0.25">
      <c r="A976" s="1">
        <v>41820</v>
      </c>
      <c r="B976" s="2">
        <v>0.43777777777777777</v>
      </c>
      <c r="C976">
        <v>63.736199999999997</v>
      </c>
      <c r="D976">
        <v>127.47239999999999</v>
      </c>
    </row>
    <row r="977" spans="1:4" x14ac:dyDescent="0.25">
      <c r="A977" s="1">
        <v>41820</v>
      </c>
      <c r="B977" s="2">
        <v>0.44295138888888891</v>
      </c>
      <c r="C977">
        <v>63.802799999999998</v>
      </c>
      <c r="D977">
        <v>127.6056</v>
      </c>
    </row>
    <row r="978" spans="1:4" x14ac:dyDescent="0.25">
      <c r="A978" s="1">
        <v>41820</v>
      </c>
      <c r="B978" s="2">
        <v>0.44812500000000005</v>
      </c>
      <c r="C978">
        <v>63.869399999999992</v>
      </c>
      <c r="D978">
        <v>127.73879999999998</v>
      </c>
    </row>
    <row r="979" spans="1:4" x14ac:dyDescent="0.25">
      <c r="A979" s="1">
        <v>41820</v>
      </c>
      <c r="B979" s="2">
        <v>0.45372685185185185</v>
      </c>
      <c r="C979">
        <v>63.935999999999993</v>
      </c>
      <c r="D979">
        <v>127.87199999999999</v>
      </c>
    </row>
    <row r="980" spans="1:4" x14ac:dyDescent="0.25">
      <c r="A980" s="1">
        <v>41820</v>
      </c>
      <c r="B980" s="2">
        <v>0.45929398148148143</v>
      </c>
      <c r="C980">
        <v>64.002599999999987</v>
      </c>
      <c r="D980">
        <v>128.00519999999997</v>
      </c>
    </row>
    <row r="981" spans="1:4" x14ac:dyDescent="0.25">
      <c r="A981" s="1">
        <v>41820</v>
      </c>
      <c r="B981" s="2">
        <v>0.46530092592592592</v>
      </c>
      <c r="C981">
        <v>64.069199999999995</v>
      </c>
      <c r="D981">
        <v>128.13839999999999</v>
      </c>
    </row>
    <row r="982" spans="1:4" x14ac:dyDescent="0.25">
      <c r="A982" s="1">
        <v>41820</v>
      </c>
      <c r="B982" s="2">
        <v>0.47122685185185187</v>
      </c>
      <c r="C982">
        <v>64.135799999999989</v>
      </c>
      <c r="D982">
        <v>128.27159999999998</v>
      </c>
    </row>
    <row r="983" spans="1:4" x14ac:dyDescent="0.25">
      <c r="A983" s="1">
        <v>41820</v>
      </c>
      <c r="B983" s="2">
        <v>0.47769675925925931</v>
      </c>
      <c r="C983">
        <v>64.202399999999997</v>
      </c>
      <c r="D983">
        <v>128.40479999999999</v>
      </c>
    </row>
    <row r="984" spans="1:4" x14ac:dyDescent="0.25">
      <c r="A984" s="1">
        <v>41820</v>
      </c>
      <c r="B984" s="2">
        <v>0.48408564814814814</v>
      </c>
      <c r="C984">
        <v>64.268999999999991</v>
      </c>
      <c r="D984">
        <v>128.53799999999998</v>
      </c>
    </row>
    <row r="985" spans="1:4" x14ac:dyDescent="0.25">
      <c r="A985" s="1">
        <v>41820</v>
      </c>
      <c r="B985" s="2">
        <v>0.4909722222222222</v>
      </c>
      <c r="C985">
        <v>64.335599999999985</v>
      </c>
      <c r="D985">
        <v>128.67119999999997</v>
      </c>
    </row>
    <row r="986" spans="1:4" x14ac:dyDescent="0.25">
      <c r="A986" s="1">
        <v>41820</v>
      </c>
      <c r="B986" s="2">
        <v>0.49793981481481481</v>
      </c>
      <c r="C986">
        <v>64.402199999999993</v>
      </c>
      <c r="D986">
        <v>128.80439999999999</v>
      </c>
    </row>
    <row r="987" spans="1:4" x14ac:dyDescent="0.25">
      <c r="A987" s="1">
        <v>41820</v>
      </c>
      <c r="B987" s="2">
        <v>0.50542824074074078</v>
      </c>
      <c r="C987">
        <v>64.468800000000002</v>
      </c>
      <c r="D987">
        <v>128.9376</v>
      </c>
    </row>
    <row r="988" spans="1:4" x14ac:dyDescent="0.25">
      <c r="A988" s="1">
        <v>41820</v>
      </c>
      <c r="B988" s="2">
        <v>0.51297453703703699</v>
      </c>
      <c r="C988">
        <v>64.535399999999996</v>
      </c>
      <c r="D988">
        <v>129.07079999999999</v>
      </c>
    </row>
    <row r="989" spans="1:4" x14ac:dyDescent="0.25">
      <c r="A989" s="1">
        <v>41820</v>
      </c>
      <c r="B989" s="2">
        <v>0.52108796296296289</v>
      </c>
      <c r="C989">
        <v>64.60199999999999</v>
      </c>
      <c r="D989">
        <v>129.20399999999998</v>
      </c>
    </row>
    <row r="990" spans="1:4" x14ac:dyDescent="0.25">
      <c r="A990" s="1">
        <v>41820</v>
      </c>
      <c r="B990" s="2">
        <v>0.52925925925925921</v>
      </c>
      <c r="C990">
        <v>64.668599999999998</v>
      </c>
      <c r="D990">
        <v>129.3372</v>
      </c>
    </row>
    <row r="991" spans="1:4" x14ac:dyDescent="0.25">
      <c r="A991" s="1">
        <v>41820</v>
      </c>
      <c r="B991" s="2">
        <v>0.53796296296296298</v>
      </c>
      <c r="C991">
        <v>64.735199999999992</v>
      </c>
      <c r="D991">
        <v>129.47039999999998</v>
      </c>
    </row>
    <row r="992" spans="1:4" x14ac:dyDescent="0.25">
      <c r="A992" s="1">
        <v>41820</v>
      </c>
      <c r="B992" s="2">
        <v>0.54681712962962969</v>
      </c>
      <c r="C992">
        <v>64.8018</v>
      </c>
      <c r="D992">
        <v>129.6036</v>
      </c>
    </row>
    <row r="993" spans="1:4" x14ac:dyDescent="0.25">
      <c r="A993" s="1">
        <v>41820</v>
      </c>
      <c r="B993" s="2">
        <v>0.55642361111111105</v>
      </c>
      <c r="C993">
        <v>64.868399999999994</v>
      </c>
      <c r="D993">
        <v>129.73679999999999</v>
      </c>
    </row>
    <row r="994" spans="1:4" x14ac:dyDescent="0.25">
      <c r="A994" s="1">
        <v>41820</v>
      </c>
      <c r="B994" s="2">
        <v>0.56601851851851859</v>
      </c>
      <c r="C994">
        <v>64.934999999999988</v>
      </c>
      <c r="D994">
        <v>129.86999999999998</v>
      </c>
    </row>
    <row r="995" spans="1:4" x14ac:dyDescent="0.25">
      <c r="A995" s="1">
        <v>41820</v>
      </c>
      <c r="B995" s="2">
        <v>0.57673611111111112</v>
      </c>
      <c r="C995">
        <v>65.001599999999996</v>
      </c>
      <c r="D995">
        <v>130.00319999999999</v>
      </c>
    </row>
    <row r="996" spans="1:4" x14ac:dyDescent="0.25">
      <c r="A996" s="1">
        <v>41820</v>
      </c>
      <c r="B996" s="2">
        <v>0.58763888888888893</v>
      </c>
      <c r="C996">
        <v>65.06819999999999</v>
      </c>
      <c r="D996">
        <v>130.13639999999998</v>
      </c>
    </row>
    <row r="997" spans="1:4" x14ac:dyDescent="0.25">
      <c r="A997" s="1">
        <v>41820</v>
      </c>
      <c r="B997" s="2">
        <v>0.59918981481481481</v>
      </c>
      <c r="C997">
        <v>65.134799999999998</v>
      </c>
      <c r="D997">
        <v>130.2696</v>
      </c>
    </row>
    <row r="998" spans="1:4" x14ac:dyDescent="0.25">
      <c r="A998" s="1">
        <v>41820</v>
      </c>
      <c r="B998" s="2">
        <v>0.61068287037037039</v>
      </c>
      <c r="C998">
        <v>65.201399999999992</v>
      </c>
      <c r="D998">
        <v>130.40279999999998</v>
      </c>
    </row>
    <row r="999" spans="1:4" x14ac:dyDescent="0.25">
      <c r="A999" s="1">
        <v>41820</v>
      </c>
      <c r="B999" s="2">
        <v>0.62318287037037035</v>
      </c>
      <c r="C999">
        <v>65.267999999999986</v>
      </c>
      <c r="D999">
        <v>130.53599999999997</v>
      </c>
    </row>
    <row r="1000" spans="1:4" x14ac:dyDescent="0.25">
      <c r="A1000" s="1">
        <v>41820</v>
      </c>
      <c r="B1000" s="2">
        <v>0.63575231481481487</v>
      </c>
      <c r="C1000">
        <v>65.334599999999995</v>
      </c>
      <c r="D1000">
        <v>130.66919999999999</v>
      </c>
    </row>
    <row r="1001" spans="1:4" x14ac:dyDescent="0.25">
      <c r="A1001" s="1">
        <v>41820</v>
      </c>
      <c r="B1001" s="2">
        <v>0.64953703703703702</v>
      </c>
      <c r="C1001">
        <v>65.401200000000003</v>
      </c>
      <c r="D1001">
        <v>130.80240000000001</v>
      </c>
    </row>
    <row r="1002" spans="1:4" x14ac:dyDescent="0.25">
      <c r="A1002" s="1">
        <v>41820</v>
      </c>
      <c r="B1002" s="2">
        <v>0.66346064814814809</v>
      </c>
      <c r="C1002">
        <v>65.467799999999997</v>
      </c>
      <c r="D1002">
        <v>130.93559999999999</v>
      </c>
    </row>
    <row r="1003" spans="1:4" x14ac:dyDescent="0.25">
      <c r="A1003" s="1">
        <v>41820</v>
      </c>
      <c r="B1003" s="2">
        <v>0.67855324074074075</v>
      </c>
      <c r="C1003">
        <v>65.534399999999991</v>
      </c>
      <c r="D1003">
        <v>131.06879999999998</v>
      </c>
    </row>
    <row r="1004" spans="1:4" x14ac:dyDescent="0.25">
      <c r="A1004" s="1">
        <v>41820</v>
      </c>
      <c r="B1004" s="2">
        <v>0.69351851851851853</v>
      </c>
      <c r="C1004">
        <v>65.600999999999999</v>
      </c>
      <c r="D1004">
        <v>131.202</v>
      </c>
    </row>
    <row r="1005" spans="1:4" x14ac:dyDescent="0.25">
      <c r="A1005" s="1">
        <v>41820</v>
      </c>
      <c r="B1005" s="2">
        <v>0.70984953703703713</v>
      </c>
      <c r="C1005">
        <v>65.667599999999993</v>
      </c>
      <c r="D1005">
        <v>131.33519999999999</v>
      </c>
    </row>
    <row r="1006" spans="1:4" x14ac:dyDescent="0.25">
      <c r="A1006" s="1">
        <v>41820</v>
      </c>
      <c r="B1006" s="2">
        <v>0.72664351851851849</v>
      </c>
      <c r="C1006">
        <v>65.734200000000001</v>
      </c>
      <c r="D1006">
        <v>131.4684</v>
      </c>
    </row>
    <row r="1007" spans="1:4" x14ac:dyDescent="0.25">
      <c r="A1007" s="1">
        <v>41820</v>
      </c>
      <c r="B1007" s="2">
        <v>0.74481481481481471</v>
      </c>
      <c r="C1007">
        <v>65.800799999999995</v>
      </c>
      <c r="D1007">
        <v>131.60159999999999</v>
      </c>
    </row>
    <row r="1008" spans="1:4" x14ac:dyDescent="0.25">
      <c r="A1008" s="1">
        <v>41820</v>
      </c>
      <c r="B1008" s="2">
        <v>0.76347222222222222</v>
      </c>
      <c r="C1008">
        <v>65.867399999999989</v>
      </c>
      <c r="D1008">
        <v>131.73479999999998</v>
      </c>
    </row>
    <row r="1009" spans="1:4" x14ac:dyDescent="0.25">
      <c r="A1009" s="1">
        <v>41820</v>
      </c>
      <c r="B1009" s="2">
        <v>0.78388888888888886</v>
      </c>
      <c r="C1009">
        <v>65.933999999999997</v>
      </c>
      <c r="D1009">
        <v>131.86799999999999</v>
      </c>
    </row>
    <row r="1010" spans="1:4" x14ac:dyDescent="0.25">
      <c r="A1010" s="1">
        <v>41820</v>
      </c>
      <c r="B1010" s="2">
        <v>0.80445601851851845</v>
      </c>
      <c r="C1010">
        <v>66.000599999999991</v>
      </c>
      <c r="D1010">
        <v>132.00119999999998</v>
      </c>
    </row>
    <row r="1011" spans="1:4" x14ac:dyDescent="0.25">
      <c r="A1011" s="1">
        <v>41820</v>
      </c>
      <c r="B1011" s="2">
        <v>0.82702546296296298</v>
      </c>
      <c r="C1011">
        <v>66.0672</v>
      </c>
      <c r="D1011">
        <v>132.1344</v>
      </c>
    </row>
    <row r="1012" spans="1:4" x14ac:dyDescent="0.25">
      <c r="A1012" s="1">
        <v>41820</v>
      </c>
      <c r="B1012" s="2">
        <v>0.84982638888888884</v>
      </c>
      <c r="C1012">
        <v>66.133799999999994</v>
      </c>
      <c r="D1012">
        <v>132.26759999999999</v>
      </c>
    </row>
    <row r="1013" spans="1:4" x14ac:dyDescent="0.25">
      <c r="A1013" s="1">
        <v>41820</v>
      </c>
      <c r="B1013" s="2">
        <v>0.87472222222222218</v>
      </c>
      <c r="C1013">
        <v>66.200399999999988</v>
      </c>
      <c r="D1013">
        <v>132.40079999999998</v>
      </c>
    </row>
    <row r="1014" spans="1:4" x14ac:dyDescent="0.25">
      <c r="A1014" s="1">
        <v>41820</v>
      </c>
      <c r="B1014" s="2">
        <v>0.90005787037037033</v>
      </c>
      <c r="C1014">
        <v>66.266999999999996</v>
      </c>
      <c r="D1014">
        <v>132.53399999999999</v>
      </c>
    </row>
    <row r="1015" spans="1:4" x14ac:dyDescent="0.25">
      <c r="A1015" s="1">
        <v>41820</v>
      </c>
      <c r="B1015" s="2">
        <v>0.92782407407407408</v>
      </c>
      <c r="C1015">
        <v>66.33359999999999</v>
      </c>
      <c r="D1015">
        <v>132.66719999999998</v>
      </c>
    </row>
    <row r="1016" spans="1:4" x14ac:dyDescent="0.25">
      <c r="A1016" s="1">
        <v>41820</v>
      </c>
      <c r="B1016" s="2">
        <v>0.95600694444444445</v>
      </c>
      <c r="C1016">
        <v>66.400199999999998</v>
      </c>
      <c r="D1016">
        <v>132.8004</v>
      </c>
    </row>
    <row r="1017" spans="1:4" x14ac:dyDescent="0.25">
      <c r="A1017" s="1">
        <v>41820</v>
      </c>
      <c r="B1017" s="2">
        <v>0.98725694444444445</v>
      </c>
      <c r="C1017">
        <v>66.466799999999992</v>
      </c>
      <c r="D1017">
        <v>132.93359999999998</v>
      </c>
    </row>
    <row r="1018" spans="1:4" x14ac:dyDescent="0.25">
      <c r="A1018" s="1">
        <v>41821</v>
      </c>
      <c r="B1018" s="2">
        <v>1.8506944444444444E-2</v>
      </c>
      <c r="C1018">
        <v>66.5334</v>
      </c>
      <c r="D1018">
        <v>133.0668</v>
      </c>
    </row>
    <row r="1019" spans="1:4" x14ac:dyDescent="0.25">
      <c r="A1019" s="1">
        <v>41821</v>
      </c>
      <c r="B1019" s="2">
        <v>5.2696759259259263E-2</v>
      </c>
      <c r="C1019">
        <v>66.599999999999994</v>
      </c>
      <c r="D1019">
        <v>133.19999999999999</v>
      </c>
    </row>
    <row r="1020" spans="1:4" x14ac:dyDescent="0.25">
      <c r="A1020" s="1">
        <v>41821</v>
      </c>
      <c r="B1020" s="2">
        <v>8.2581018518518512E-2</v>
      </c>
      <c r="C1020">
        <v>66.666599999999988</v>
      </c>
      <c r="D1020">
        <v>133.33319999999998</v>
      </c>
    </row>
    <row r="1021" spans="1:4" x14ac:dyDescent="0.25">
      <c r="A1021" s="1">
        <v>41821</v>
      </c>
      <c r="B1021" s="2">
        <v>0.12193287037037037</v>
      </c>
      <c r="C1021">
        <v>66.733199999999997</v>
      </c>
      <c r="D1021">
        <v>133.46639999999999</v>
      </c>
    </row>
    <row r="1022" spans="1:4" x14ac:dyDescent="0.25">
      <c r="A1022" s="1">
        <v>41821</v>
      </c>
      <c r="B1022" s="2">
        <v>0.16092592592592592</v>
      </c>
      <c r="C1022">
        <v>66.799799999999991</v>
      </c>
      <c r="D1022">
        <v>133.59959999999998</v>
      </c>
    </row>
    <row r="1023" spans="1:4" x14ac:dyDescent="0.25">
      <c r="A1023" s="1">
        <v>41821</v>
      </c>
      <c r="B1023" s="2">
        <v>0.20231481481481484</v>
      </c>
      <c r="C1023">
        <v>66.866399999999999</v>
      </c>
      <c r="D1023">
        <v>133.7328</v>
      </c>
    </row>
    <row r="1024" spans="1:4" x14ac:dyDescent="0.25">
      <c r="A1024" s="1">
        <v>41821</v>
      </c>
      <c r="B1024" s="2">
        <v>0.24481481481481482</v>
      </c>
      <c r="C1024">
        <v>66.933000000000007</v>
      </c>
      <c r="D1024">
        <v>133.86600000000001</v>
      </c>
    </row>
    <row r="1025" spans="1:4" x14ac:dyDescent="0.25">
      <c r="A1025" s="1">
        <v>41821</v>
      </c>
      <c r="B1025" s="2">
        <v>0.29031250000000003</v>
      </c>
      <c r="C1025">
        <v>66.999599999999987</v>
      </c>
      <c r="D1025">
        <v>133.99919999999997</v>
      </c>
    </row>
    <row r="1026" spans="1:4" x14ac:dyDescent="0.25">
      <c r="A1026" s="1">
        <v>41821</v>
      </c>
      <c r="B1026" s="2">
        <v>0.33811342592592591</v>
      </c>
      <c r="C1026">
        <v>67.066199999999995</v>
      </c>
      <c r="D1026">
        <v>134.13239999999999</v>
      </c>
    </row>
    <row r="1027" spans="1:4" x14ac:dyDescent="0.25">
      <c r="A1027" s="1">
        <v>41821</v>
      </c>
      <c r="B1027" s="2">
        <v>0.38982638888888888</v>
      </c>
      <c r="C1027">
        <v>67.132799999999989</v>
      </c>
      <c r="D1027">
        <v>134.26559999999998</v>
      </c>
    </row>
    <row r="1028" spans="1:4" x14ac:dyDescent="0.25">
      <c r="A1028" s="1">
        <v>41821</v>
      </c>
      <c r="B1028" s="2">
        <v>0.4418171296296296</v>
      </c>
      <c r="C1028">
        <v>67.199399999999997</v>
      </c>
      <c r="D1028">
        <v>134.39879999999999</v>
      </c>
    </row>
    <row r="1029" spans="1:4" x14ac:dyDescent="0.25">
      <c r="A1029" s="1">
        <v>41821</v>
      </c>
      <c r="B1029" s="2">
        <v>0.49626157407407406</v>
      </c>
      <c r="C1029">
        <v>67.266000000000005</v>
      </c>
      <c r="D1029">
        <v>134.53200000000001</v>
      </c>
    </row>
    <row r="1030" spans="1:4" x14ac:dyDescent="0.25">
      <c r="A1030" s="1">
        <v>41821</v>
      </c>
      <c r="B1030" s="2">
        <v>0.55960648148148151</v>
      </c>
      <c r="C1030">
        <v>67.332599999999985</v>
      </c>
      <c r="D1030">
        <v>134.66519999999997</v>
      </c>
    </row>
    <row r="1031" spans="1:4" x14ac:dyDescent="0.25">
      <c r="A1031" s="1">
        <v>41821</v>
      </c>
      <c r="B1031" s="2">
        <v>0.63231481481481489</v>
      </c>
      <c r="C1031">
        <v>67.399199999999993</v>
      </c>
      <c r="D1031">
        <v>134.79839999999999</v>
      </c>
    </row>
    <row r="1032" spans="1:4" x14ac:dyDescent="0.25">
      <c r="A1032" s="1">
        <v>41821</v>
      </c>
      <c r="B1032" s="2">
        <v>0.7106365740740741</v>
      </c>
      <c r="C1032">
        <v>67.465799999999987</v>
      </c>
      <c r="D1032">
        <v>134.93159999999997</v>
      </c>
    </row>
    <row r="1033" spans="1:4" x14ac:dyDescent="0.25">
      <c r="A1033" s="1">
        <v>41821</v>
      </c>
      <c r="B1033" s="2">
        <v>0.79473379629629637</v>
      </c>
      <c r="C1033">
        <v>67.532399999999996</v>
      </c>
      <c r="D1033">
        <v>135.06479999999999</v>
      </c>
    </row>
    <row r="1034" spans="1:4" x14ac:dyDescent="0.25">
      <c r="A1034" s="1">
        <v>41821</v>
      </c>
      <c r="B1034" s="2">
        <v>0.88348379629629636</v>
      </c>
      <c r="C1034">
        <v>67.599000000000004</v>
      </c>
      <c r="D1034">
        <v>135.19800000000001</v>
      </c>
    </row>
    <row r="1035" spans="1:4" x14ac:dyDescent="0.25">
      <c r="A1035" s="1">
        <v>41821</v>
      </c>
      <c r="B1035" s="2">
        <v>0.98466435185185175</v>
      </c>
      <c r="C1035">
        <v>67.665599999999998</v>
      </c>
      <c r="D1035">
        <v>135.3312</v>
      </c>
    </row>
    <row r="1036" spans="1:4" x14ac:dyDescent="0.25">
      <c r="A1036" s="1">
        <v>41822</v>
      </c>
      <c r="B1036" s="2">
        <v>8.9039351851851856E-2</v>
      </c>
      <c r="C1036">
        <v>67.732199999999992</v>
      </c>
      <c r="D1036">
        <v>135.46439999999998</v>
      </c>
    </row>
    <row r="1037" spans="1:4" x14ac:dyDescent="0.25">
      <c r="A1037" s="1">
        <v>41822</v>
      </c>
      <c r="B1037" s="2">
        <v>0.20060185185185186</v>
      </c>
      <c r="C1037">
        <v>67.798799999999986</v>
      </c>
      <c r="D1037">
        <v>135.59759999999997</v>
      </c>
    </row>
    <row r="1038" spans="1:4" x14ac:dyDescent="0.25">
      <c r="A1038" s="1">
        <v>41822</v>
      </c>
      <c r="B1038" s="2">
        <v>0.31009259259259259</v>
      </c>
      <c r="C1038">
        <v>67.865399999999994</v>
      </c>
      <c r="D1038">
        <v>135.73079999999999</v>
      </c>
    </row>
    <row r="1039" spans="1:4" x14ac:dyDescent="0.25">
      <c r="A1039" s="1">
        <v>41822</v>
      </c>
      <c r="B1039" s="2">
        <v>0.42655092592592592</v>
      </c>
      <c r="C1039">
        <v>67.932000000000002</v>
      </c>
      <c r="D1039">
        <v>135.864</v>
      </c>
    </row>
    <row r="1040" spans="1:4" x14ac:dyDescent="0.25">
      <c r="A1040" s="1">
        <v>41822</v>
      </c>
      <c r="B1040" s="2">
        <v>0.55276620370370366</v>
      </c>
      <c r="C1040">
        <v>67.998599999999996</v>
      </c>
      <c r="D1040">
        <v>135.99719999999999</v>
      </c>
    </row>
    <row r="1041" spans="1:4" x14ac:dyDescent="0.25">
      <c r="A1041" s="1">
        <v>41822</v>
      </c>
      <c r="B1041" s="2">
        <v>0.70483796296296297</v>
      </c>
      <c r="C1041">
        <v>68.06519999999999</v>
      </c>
      <c r="D1041">
        <v>136.13039999999998</v>
      </c>
    </row>
    <row r="1042" spans="1:4" x14ac:dyDescent="0.25">
      <c r="A1042" s="1">
        <v>41822</v>
      </c>
      <c r="B1042" s="2">
        <v>0.87621527777777775</v>
      </c>
      <c r="C1042">
        <v>68.131799999999984</v>
      </c>
      <c r="D1042">
        <v>136.26359999999997</v>
      </c>
    </row>
    <row r="1043" spans="1:4" x14ac:dyDescent="0.25">
      <c r="A1043" s="1">
        <v>41823</v>
      </c>
      <c r="B1043" s="2">
        <v>6.2048611111111117E-2</v>
      </c>
      <c r="C1043">
        <v>68.198399999999992</v>
      </c>
      <c r="D1043">
        <v>136.39679999999998</v>
      </c>
    </row>
    <row r="1044" spans="1:4" x14ac:dyDescent="0.25">
      <c r="A1044" s="1">
        <v>41823</v>
      </c>
      <c r="B1044" s="2">
        <v>0.2673726851851852</v>
      </c>
      <c r="C1044">
        <v>68.265000000000001</v>
      </c>
      <c r="D1044">
        <v>136.53</v>
      </c>
    </row>
    <row r="1045" spans="1:4" x14ac:dyDescent="0.25">
      <c r="A1045" s="1">
        <v>41823</v>
      </c>
      <c r="B1045" s="2">
        <v>0.46708333333333335</v>
      </c>
      <c r="C1045">
        <v>68.331599999999995</v>
      </c>
      <c r="D1045">
        <v>136.66319999999999</v>
      </c>
    </row>
    <row r="1046" spans="1:4" x14ac:dyDescent="0.25">
      <c r="A1046" s="1">
        <v>41823</v>
      </c>
      <c r="B1046" s="2">
        <v>0.66373842592592591</v>
      </c>
      <c r="C1046">
        <v>68.398200000000003</v>
      </c>
      <c r="D1046">
        <v>136.79640000000001</v>
      </c>
    </row>
    <row r="1047" spans="1:4" x14ac:dyDescent="0.25">
      <c r="A1047" s="1">
        <v>41823</v>
      </c>
      <c r="B1047" s="2">
        <v>0.9825694444444445</v>
      </c>
      <c r="C1047">
        <v>68.464799999999983</v>
      </c>
      <c r="D1047">
        <v>136.92959999999997</v>
      </c>
    </row>
    <row r="1048" spans="1:4" x14ac:dyDescent="0.25">
      <c r="A1048" s="1">
        <v>41824</v>
      </c>
      <c r="B1048" s="2">
        <v>0.27811342592592592</v>
      </c>
      <c r="C1048">
        <v>68.531399999999991</v>
      </c>
      <c r="D1048">
        <v>137.06279999999998</v>
      </c>
    </row>
    <row r="1049" spans="1:4" x14ac:dyDescent="0.25">
      <c r="A1049" s="1">
        <v>41824</v>
      </c>
      <c r="B1049" s="2">
        <v>0.53442129629629631</v>
      </c>
      <c r="C1049">
        <v>68.597999999999999</v>
      </c>
      <c r="D1049">
        <v>137.196</v>
      </c>
    </row>
    <row r="1050" spans="1:4" x14ac:dyDescent="0.25">
      <c r="A1050" s="1">
        <v>41824</v>
      </c>
      <c r="B1050" s="2">
        <v>0.92869212962962966</v>
      </c>
      <c r="C1050">
        <v>68.664599999999993</v>
      </c>
      <c r="D1050">
        <v>137.32919999999999</v>
      </c>
    </row>
    <row r="1051" spans="1:4" x14ac:dyDescent="0.25">
      <c r="A1051" s="1">
        <v>41825</v>
      </c>
      <c r="B1051" s="2">
        <v>0.40895833333333331</v>
      </c>
      <c r="C1051">
        <v>68.731200000000001</v>
      </c>
      <c r="D1051">
        <v>137.4624</v>
      </c>
    </row>
    <row r="1052" spans="1:4" x14ac:dyDescent="0.25">
      <c r="A1052" s="1">
        <v>41825</v>
      </c>
      <c r="B1052" s="2">
        <v>0.92194444444444434</v>
      </c>
      <c r="C1052">
        <v>68.797799999999995</v>
      </c>
      <c r="D1052">
        <v>137.59559999999999</v>
      </c>
    </row>
    <row r="1053" spans="1:4" x14ac:dyDescent="0.25">
      <c r="A1053" s="1">
        <v>41826</v>
      </c>
      <c r="B1053" s="2">
        <v>0.82464120370370375</v>
      </c>
      <c r="C1053">
        <v>68.864399999999989</v>
      </c>
      <c r="D1053">
        <v>137.72879999999998</v>
      </c>
    </row>
    <row r="1054" spans="1:4" x14ac:dyDescent="0.25">
      <c r="A1054" s="1">
        <v>41828</v>
      </c>
      <c r="B1054" s="2">
        <v>0.52043981481481483</v>
      </c>
      <c r="C1054">
        <v>68.930999999999997</v>
      </c>
      <c r="D1054">
        <v>137.86199999999999</v>
      </c>
    </row>
    <row r="1055" spans="1:4" x14ac:dyDescent="0.25">
      <c r="A1055" s="1">
        <v>41829</v>
      </c>
      <c r="B1055" s="2">
        <v>0.68248842592592596</v>
      </c>
      <c r="C1055">
        <v>68.997599999999991</v>
      </c>
      <c r="D1055">
        <v>137.99519999999998</v>
      </c>
    </row>
    <row r="1056" spans="1:4" x14ac:dyDescent="0.25">
      <c r="A1056" s="1">
        <v>41830</v>
      </c>
      <c r="B1056" s="2">
        <v>0.72219907407407413</v>
      </c>
      <c r="C1056">
        <v>69.0642</v>
      </c>
      <c r="D1056">
        <v>138.1284</v>
      </c>
    </row>
    <row r="1057" spans="1:4" x14ac:dyDescent="0.25">
      <c r="A1057" s="1">
        <v>41830</v>
      </c>
      <c r="B1057" s="2">
        <v>0.73366898148148152</v>
      </c>
      <c r="C1057">
        <v>69.130799999999994</v>
      </c>
      <c r="D1057">
        <v>138.26159999999999</v>
      </c>
    </row>
    <row r="1058" spans="1:4" x14ac:dyDescent="0.25">
      <c r="A1058" s="1">
        <v>41830</v>
      </c>
      <c r="B1058" s="2">
        <v>0.74209490740740736</v>
      </c>
      <c r="C1058">
        <v>69.197399999999988</v>
      </c>
      <c r="D1058">
        <v>138.39479999999998</v>
      </c>
    </row>
    <row r="1059" spans="1:4" x14ac:dyDescent="0.25">
      <c r="A1059" s="1">
        <v>41830</v>
      </c>
      <c r="B1059" s="2">
        <v>0.75028935185185175</v>
      </c>
      <c r="C1059">
        <v>69.263999999999996</v>
      </c>
      <c r="D1059">
        <v>138.52799999999999</v>
      </c>
    </row>
    <row r="1060" spans="1:4" x14ac:dyDescent="0.25">
      <c r="A1060" s="1">
        <v>41830</v>
      </c>
      <c r="B1060" s="2">
        <v>0.75790509259259264</v>
      </c>
      <c r="C1060">
        <v>69.33059999999999</v>
      </c>
      <c r="D1060">
        <v>138.66119999999998</v>
      </c>
    </row>
    <row r="1061" spans="1:4" x14ac:dyDescent="0.25">
      <c r="A1061" s="1">
        <v>41830</v>
      </c>
      <c r="B1061" s="2">
        <v>0.76527777777777783</v>
      </c>
      <c r="C1061">
        <v>69.397199999999998</v>
      </c>
      <c r="D1061">
        <v>138.7944</v>
      </c>
    </row>
    <row r="1062" spans="1:4" x14ac:dyDescent="0.25">
      <c r="A1062" s="1">
        <v>41830</v>
      </c>
      <c r="B1062" s="2">
        <v>0.77288194444444447</v>
      </c>
      <c r="C1062">
        <v>69.463799999999992</v>
      </c>
      <c r="D1062">
        <v>138.92759999999998</v>
      </c>
    </row>
    <row r="1063" spans="1:4" x14ac:dyDescent="0.25">
      <c r="A1063" s="1">
        <v>41830</v>
      </c>
      <c r="B1063" s="2">
        <v>0.7806481481481482</v>
      </c>
      <c r="C1063">
        <v>69.5304</v>
      </c>
      <c r="D1063">
        <v>139.0608</v>
      </c>
    </row>
    <row r="1064" spans="1:4" x14ac:dyDescent="0.25">
      <c r="A1064" s="1">
        <v>41830</v>
      </c>
      <c r="B1064" s="2">
        <v>0.78835648148148152</v>
      </c>
      <c r="C1064">
        <v>69.596999999999994</v>
      </c>
      <c r="D1064">
        <v>139.19399999999999</v>
      </c>
    </row>
    <row r="1065" spans="1:4" x14ac:dyDescent="0.25">
      <c r="A1065" s="1">
        <v>41830</v>
      </c>
      <c r="B1065" s="2">
        <v>0.79649305555555561</v>
      </c>
      <c r="C1065">
        <v>69.663599999999988</v>
      </c>
      <c r="D1065">
        <v>139.32719999999998</v>
      </c>
    </row>
    <row r="1066" spans="1:4" x14ac:dyDescent="0.25">
      <c r="A1066" s="1">
        <v>41830</v>
      </c>
      <c r="B1066" s="2">
        <v>0.80467592592592585</v>
      </c>
      <c r="C1066">
        <v>69.730199999999996</v>
      </c>
      <c r="D1066">
        <v>139.46039999999999</v>
      </c>
    </row>
    <row r="1067" spans="1:4" x14ac:dyDescent="0.25">
      <c r="A1067" s="1">
        <v>41830</v>
      </c>
      <c r="B1067" s="2">
        <v>0.8133217592592592</v>
      </c>
      <c r="C1067">
        <v>69.79679999999999</v>
      </c>
      <c r="D1067">
        <v>139.59359999999998</v>
      </c>
    </row>
    <row r="1068" spans="1:4" x14ac:dyDescent="0.25">
      <c r="A1068" s="1">
        <v>41830</v>
      </c>
      <c r="B1068" s="2">
        <v>0.82207175925925924</v>
      </c>
      <c r="C1068">
        <v>69.863399999999999</v>
      </c>
      <c r="D1068">
        <v>139.7268</v>
      </c>
    </row>
    <row r="1069" spans="1:4" x14ac:dyDescent="0.25">
      <c r="A1069" s="1">
        <v>41830</v>
      </c>
      <c r="B1069" s="2">
        <v>0.83135416666666673</v>
      </c>
      <c r="C1069">
        <v>69.930000000000007</v>
      </c>
      <c r="D1069">
        <v>139.86000000000001</v>
      </c>
    </row>
    <row r="1070" spans="1:4" x14ac:dyDescent="0.25">
      <c r="A1070" s="1">
        <v>41830</v>
      </c>
      <c r="B1070" s="2">
        <v>0.84065972222222218</v>
      </c>
      <c r="C1070">
        <v>69.996599999999987</v>
      </c>
      <c r="D1070">
        <v>139.99319999999997</v>
      </c>
    </row>
    <row r="1071" spans="1:4" x14ac:dyDescent="0.25">
      <c r="A1071" s="1">
        <v>41830</v>
      </c>
      <c r="B1071" s="2">
        <v>0.85072916666666665</v>
      </c>
      <c r="C1071">
        <v>70.063199999999995</v>
      </c>
      <c r="D1071">
        <v>140.12639999999999</v>
      </c>
    </row>
    <row r="1072" spans="1:4" x14ac:dyDescent="0.25">
      <c r="A1072" s="1">
        <v>41830</v>
      </c>
      <c r="B1072" s="2">
        <v>0.86081018518518526</v>
      </c>
      <c r="C1072">
        <v>70.129799999999989</v>
      </c>
      <c r="D1072">
        <v>140.25959999999998</v>
      </c>
    </row>
    <row r="1073" spans="1:4" x14ac:dyDescent="0.25">
      <c r="A1073" s="1">
        <v>41830</v>
      </c>
      <c r="B1073" s="2">
        <v>0.87172453703703701</v>
      </c>
      <c r="C1073">
        <v>70.196399999999997</v>
      </c>
      <c r="D1073">
        <v>140.39279999999999</v>
      </c>
    </row>
    <row r="1074" spans="1:4" x14ac:dyDescent="0.25">
      <c r="A1074" s="1">
        <v>41830</v>
      </c>
      <c r="B1074" s="2">
        <v>0.88270833333333332</v>
      </c>
      <c r="C1074">
        <v>70.263000000000005</v>
      </c>
      <c r="D1074">
        <v>140.52600000000001</v>
      </c>
    </row>
    <row r="1075" spans="1:4" x14ac:dyDescent="0.25">
      <c r="A1075" s="1">
        <v>41830</v>
      </c>
      <c r="B1075" s="2">
        <v>0.89457175925925936</v>
      </c>
      <c r="C1075">
        <v>70.329599999999985</v>
      </c>
      <c r="D1075">
        <v>140.65919999999997</v>
      </c>
    </row>
    <row r="1076" spans="1:4" x14ac:dyDescent="0.25">
      <c r="A1076" s="1">
        <v>41830</v>
      </c>
      <c r="B1076" s="2">
        <v>0.90649305555555559</v>
      </c>
      <c r="C1076">
        <v>70.396199999999993</v>
      </c>
      <c r="D1076">
        <v>140.79239999999999</v>
      </c>
    </row>
    <row r="1077" spans="1:4" x14ac:dyDescent="0.25">
      <c r="A1077" s="1">
        <v>41830</v>
      </c>
      <c r="B1077" s="2">
        <v>0.91920138888888892</v>
      </c>
      <c r="C1077">
        <v>70.462799999999987</v>
      </c>
      <c r="D1077">
        <v>140.92559999999997</v>
      </c>
    </row>
    <row r="1078" spans="1:4" x14ac:dyDescent="0.25">
      <c r="A1078" s="1">
        <v>41830</v>
      </c>
      <c r="B1078" s="2">
        <v>0.93218749999999995</v>
      </c>
      <c r="C1078">
        <v>70.529399999999995</v>
      </c>
      <c r="D1078">
        <v>141.05879999999999</v>
      </c>
    </row>
    <row r="1079" spans="1:4" x14ac:dyDescent="0.25">
      <c r="A1079" s="1">
        <v>41830</v>
      </c>
      <c r="B1079" s="2">
        <v>0.94611111111111112</v>
      </c>
      <c r="C1079">
        <v>70.596000000000004</v>
      </c>
      <c r="D1079">
        <v>141.19200000000001</v>
      </c>
    </row>
    <row r="1080" spans="1:4" x14ac:dyDescent="0.25">
      <c r="A1080" s="1">
        <v>41830</v>
      </c>
      <c r="B1080" s="2">
        <v>0.96003472222222219</v>
      </c>
      <c r="C1080">
        <v>70.662599999999998</v>
      </c>
      <c r="D1080">
        <v>141.3252</v>
      </c>
    </row>
    <row r="1081" spans="1:4" x14ac:dyDescent="0.25">
      <c r="A1081" s="1">
        <v>41830</v>
      </c>
      <c r="B1081" s="2">
        <v>0.97501157407407402</v>
      </c>
      <c r="C1081">
        <v>70.729199999999992</v>
      </c>
      <c r="D1081">
        <v>141.45839999999998</v>
      </c>
    </row>
    <row r="1082" spans="1:4" x14ac:dyDescent="0.25">
      <c r="A1082" s="1">
        <v>41830</v>
      </c>
      <c r="B1082" s="2">
        <v>0.99015046296296294</v>
      </c>
      <c r="C1082">
        <v>70.795799999999986</v>
      </c>
      <c r="D1082">
        <v>141.59159999999997</v>
      </c>
    </row>
    <row r="1083" spans="1:4" x14ac:dyDescent="0.25">
      <c r="A1083" s="1">
        <v>41831</v>
      </c>
      <c r="B1083" s="2">
        <v>6.2268518518518515E-3</v>
      </c>
      <c r="C1083">
        <v>70.862399999999994</v>
      </c>
      <c r="D1083">
        <v>141.72479999999999</v>
      </c>
    </row>
    <row r="1084" spans="1:4" x14ac:dyDescent="0.25">
      <c r="A1084" s="1">
        <v>41831</v>
      </c>
      <c r="B1084" s="2">
        <v>2.2673611111111113E-2</v>
      </c>
      <c r="C1084">
        <v>70.929000000000002</v>
      </c>
      <c r="D1084">
        <v>141.858</v>
      </c>
    </row>
    <row r="1085" spans="1:4" x14ac:dyDescent="0.25">
      <c r="A1085" s="1">
        <v>41831</v>
      </c>
      <c r="B1085" s="2">
        <v>4.0081018518518523E-2</v>
      </c>
      <c r="C1085">
        <v>70.995599999999996</v>
      </c>
      <c r="D1085">
        <v>141.99119999999999</v>
      </c>
    </row>
    <row r="1086" spans="1:4" x14ac:dyDescent="0.25">
      <c r="A1086" s="1">
        <v>41831</v>
      </c>
      <c r="B1086" s="2">
        <v>5.8136574074074077E-2</v>
      </c>
      <c r="C1086">
        <v>71.06219999999999</v>
      </c>
      <c r="D1086">
        <v>142.12439999999998</v>
      </c>
    </row>
    <row r="1087" spans="1:4" x14ac:dyDescent="0.25">
      <c r="A1087" s="1">
        <v>41831</v>
      </c>
      <c r="B1087" s="2">
        <v>7.7303240740740742E-2</v>
      </c>
      <c r="C1087">
        <v>71.128799999999984</v>
      </c>
      <c r="D1087">
        <v>142.25759999999997</v>
      </c>
    </row>
    <row r="1088" spans="1:4" x14ac:dyDescent="0.25">
      <c r="A1088" s="1">
        <v>41831</v>
      </c>
      <c r="B1088" s="2">
        <v>9.6851851851851856E-2</v>
      </c>
      <c r="C1088">
        <v>71.195399999999992</v>
      </c>
      <c r="D1088">
        <v>142.39079999999998</v>
      </c>
    </row>
    <row r="1089" spans="1:4" x14ac:dyDescent="0.25">
      <c r="A1089" s="1">
        <v>41831</v>
      </c>
      <c r="B1089" s="2">
        <v>0.11756944444444445</v>
      </c>
      <c r="C1089">
        <v>71.262</v>
      </c>
      <c r="D1089">
        <v>142.524</v>
      </c>
    </row>
    <row r="1090" spans="1:4" x14ac:dyDescent="0.25">
      <c r="A1090" s="1">
        <v>41831</v>
      </c>
      <c r="B1090" s="2">
        <v>0.13875000000000001</v>
      </c>
      <c r="C1090">
        <v>71.328599999999994</v>
      </c>
      <c r="D1090">
        <v>142.65719999999999</v>
      </c>
    </row>
    <row r="1091" spans="1:4" x14ac:dyDescent="0.25">
      <c r="A1091" s="1">
        <v>41831</v>
      </c>
      <c r="B1091" s="2">
        <v>0.16113425925925925</v>
      </c>
      <c r="C1091">
        <v>71.395200000000003</v>
      </c>
      <c r="D1091">
        <v>142.79040000000001</v>
      </c>
    </row>
    <row r="1092" spans="1:4" x14ac:dyDescent="0.25">
      <c r="A1092" s="1">
        <v>41831</v>
      </c>
      <c r="B1092" s="2">
        <v>0.18388888888888888</v>
      </c>
      <c r="C1092">
        <v>71.461799999999982</v>
      </c>
      <c r="D1092">
        <v>142.92359999999996</v>
      </c>
    </row>
    <row r="1093" spans="1:4" x14ac:dyDescent="0.25">
      <c r="A1093" s="1">
        <v>41831</v>
      </c>
      <c r="B1093" s="2">
        <v>0.20834490740740741</v>
      </c>
      <c r="C1093">
        <v>71.528399999999991</v>
      </c>
      <c r="D1093">
        <v>143.05679999999998</v>
      </c>
    </row>
    <row r="1094" spans="1:4" x14ac:dyDescent="0.25">
      <c r="A1094" s="1">
        <v>41831</v>
      </c>
      <c r="B1094" s="2">
        <v>0.2330439814814815</v>
      </c>
      <c r="C1094">
        <v>71.594999999999999</v>
      </c>
      <c r="D1094">
        <v>143.19</v>
      </c>
    </row>
    <row r="1095" spans="1:4" x14ac:dyDescent="0.25">
      <c r="A1095" s="1">
        <v>41831</v>
      </c>
      <c r="B1095" s="2">
        <v>0.25947916666666665</v>
      </c>
      <c r="C1095">
        <v>71.661599999999993</v>
      </c>
      <c r="D1095">
        <v>143.32319999999999</v>
      </c>
    </row>
    <row r="1096" spans="1:4" x14ac:dyDescent="0.25">
      <c r="A1096" s="1">
        <v>41831</v>
      </c>
      <c r="B1096" s="2">
        <v>0.2867824074074074</v>
      </c>
      <c r="C1096">
        <v>71.728200000000001</v>
      </c>
      <c r="D1096">
        <v>143.4564</v>
      </c>
    </row>
    <row r="1097" spans="1:4" x14ac:dyDescent="0.25">
      <c r="A1097" s="1">
        <v>41831</v>
      </c>
      <c r="B1097" s="2">
        <v>0.31619212962962967</v>
      </c>
      <c r="C1097">
        <v>71.794799999999995</v>
      </c>
      <c r="D1097">
        <v>143.58959999999999</v>
      </c>
    </row>
    <row r="1098" spans="1:4" x14ac:dyDescent="0.25">
      <c r="A1098" s="1">
        <v>41831</v>
      </c>
      <c r="B1098" s="2">
        <v>0.34616898148148145</v>
      </c>
      <c r="C1098">
        <v>71.861399999999989</v>
      </c>
      <c r="D1098">
        <v>143.72279999999998</v>
      </c>
    </row>
    <row r="1099" spans="1:4" x14ac:dyDescent="0.25">
      <c r="A1099" s="1">
        <v>41831</v>
      </c>
      <c r="B1099" s="2">
        <v>0.37775462962962963</v>
      </c>
      <c r="C1099">
        <v>71.927999999999997</v>
      </c>
      <c r="D1099">
        <v>143.85599999999999</v>
      </c>
    </row>
    <row r="1100" spans="1:4" x14ac:dyDescent="0.25">
      <c r="A1100" s="1">
        <v>41831</v>
      </c>
      <c r="B1100" s="2">
        <v>0.41</v>
      </c>
      <c r="C1100">
        <v>71.994599999999991</v>
      </c>
      <c r="D1100">
        <v>143.98919999999998</v>
      </c>
    </row>
    <row r="1101" spans="1:4" x14ac:dyDescent="0.25">
      <c r="A1101" s="1">
        <v>41831</v>
      </c>
      <c r="B1101" s="2">
        <v>0.44465277777777779</v>
      </c>
      <c r="C1101">
        <v>72.061199999999999</v>
      </c>
      <c r="D1101">
        <v>144.1224</v>
      </c>
    </row>
    <row r="1102" spans="1:4" x14ac:dyDescent="0.25">
      <c r="A1102" s="1">
        <v>41831</v>
      </c>
      <c r="B1102" s="2">
        <v>0.48010416666666672</v>
      </c>
      <c r="C1102">
        <v>72.127799999999993</v>
      </c>
      <c r="D1102">
        <v>144.25559999999999</v>
      </c>
    </row>
    <row r="1103" spans="1:4" x14ac:dyDescent="0.25">
      <c r="A1103" s="1">
        <v>41831</v>
      </c>
      <c r="B1103" s="2">
        <v>0.5177546296296297</v>
      </c>
      <c r="C1103">
        <v>72.194399999999987</v>
      </c>
      <c r="D1103">
        <v>144.38879999999997</v>
      </c>
    </row>
    <row r="1104" spans="1:4" x14ac:dyDescent="0.25">
      <c r="A1104" s="1">
        <v>41831</v>
      </c>
      <c r="B1104" s="2">
        <v>0.55725694444444451</v>
      </c>
      <c r="C1104">
        <v>72.260999999999996</v>
      </c>
      <c r="D1104">
        <v>144.52199999999999</v>
      </c>
    </row>
    <row r="1105" spans="1:4" x14ac:dyDescent="0.25">
      <c r="A1105" s="1">
        <v>41831</v>
      </c>
      <c r="B1105" s="2">
        <v>0.59924768518518523</v>
      </c>
      <c r="C1105">
        <v>72.32759999999999</v>
      </c>
      <c r="D1105">
        <v>144.65519999999998</v>
      </c>
    </row>
    <row r="1106" spans="1:4" x14ac:dyDescent="0.25">
      <c r="A1106" s="1">
        <v>41831</v>
      </c>
      <c r="B1106" s="2">
        <v>0.64752314814814815</v>
      </c>
      <c r="C1106">
        <v>72.394199999999998</v>
      </c>
      <c r="D1106">
        <v>144.7884</v>
      </c>
    </row>
    <row r="1107" spans="1:4" x14ac:dyDescent="0.25">
      <c r="A1107" s="1">
        <v>41831</v>
      </c>
      <c r="B1107" s="2">
        <v>0.69966435185185183</v>
      </c>
      <c r="C1107">
        <v>72.460799999999992</v>
      </c>
      <c r="D1107">
        <v>144.92159999999998</v>
      </c>
    </row>
    <row r="1108" spans="1:4" x14ac:dyDescent="0.25">
      <c r="A1108" s="1">
        <v>41831</v>
      </c>
      <c r="B1108" s="2">
        <v>0.75334490740740734</v>
      </c>
      <c r="C1108">
        <v>72.5274</v>
      </c>
      <c r="D1108">
        <v>145.0548</v>
      </c>
    </row>
    <row r="1109" spans="1:4" x14ac:dyDescent="0.25">
      <c r="A1109" s="1">
        <v>41831</v>
      </c>
      <c r="B1109" s="2">
        <v>0.81130787037037033</v>
      </c>
      <c r="C1109">
        <v>72.593999999999994</v>
      </c>
      <c r="D1109">
        <v>145.18799999999999</v>
      </c>
    </row>
    <row r="1110" spans="1:4" x14ac:dyDescent="0.25">
      <c r="A1110" s="1">
        <v>41831</v>
      </c>
      <c r="B1110" s="2">
        <v>0.87145833333333333</v>
      </c>
      <c r="C1110">
        <v>72.660599999999988</v>
      </c>
      <c r="D1110">
        <v>145.32119999999998</v>
      </c>
    </row>
    <row r="1111" spans="1:4" x14ac:dyDescent="0.25">
      <c r="A1111" s="1">
        <v>41831</v>
      </c>
      <c r="B1111" s="2">
        <v>0.9337037037037037</v>
      </c>
      <c r="C1111">
        <v>72.727199999999996</v>
      </c>
      <c r="D1111">
        <v>145.45439999999999</v>
      </c>
    </row>
    <row r="1112" spans="1:4" x14ac:dyDescent="0.25">
      <c r="A1112" s="1">
        <v>41832</v>
      </c>
      <c r="B1112" s="2">
        <v>2.4652777777777776E-3</v>
      </c>
      <c r="C1112">
        <v>72.79379999999999</v>
      </c>
      <c r="D1112">
        <v>145.58759999999998</v>
      </c>
    </row>
    <row r="1113" spans="1:4" x14ac:dyDescent="0.25">
      <c r="A1113" s="1">
        <v>41832</v>
      </c>
      <c r="B1113" s="2">
        <v>7.3807870370370371E-2</v>
      </c>
      <c r="C1113">
        <v>72.860399999999998</v>
      </c>
      <c r="D1113">
        <v>145.7208</v>
      </c>
    </row>
    <row r="1114" spans="1:4" x14ac:dyDescent="0.25">
      <c r="A1114" s="1">
        <v>41832</v>
      </c>
      <c r="B1114" s="2">
        <v>0.14659722222222224</v>
      </c>
      <c r="C1114">
        <v>72.927000000000007</v>
      </c>
      <c r="D1114">
        <v>145.85400000000001</v>
      </c>
    </row>
    <row r="1115" spans="1:4" x14ac:dyDescent="0.25">
      <c r="A1115" s="1">
        <v>41832</v>
      </c>
      <c r="B1115" s="2">
        <v>0.22317129629629628</v>
      </c>
      <c r="C1115">
        <v>72.993599999999986</v>
      </c>
      <c r="D1115">
        <v>145.98719999999997</v>
      </c>
    </row>
    <row r="1116" spans="1:4" x14ac:dyDescent="0.25">
      <c r="A1116" s="1">
        <v>41832</v>
      </c>
      <c r="B1116" s="2">
        <v>0.30362268518518515</v>
      </c>
      <c r="C1116">
        <v>73.060199999999995</v>
      </c>
      <c r="D1116">
        <v>146.12039999999999</v>
      </c>
    </row>
    <row r="1117" spans="1:4" x14ac:dyDescent="0.25">
      <c r="A1117" s="1">
        <v>41832</v>
      </c>
      <c r="B1117" s="2">
        <v>0.37873842592592594</v>
      </c>
      <c r="C1117">
        <v>73.126799999999989</v>
      </c>
      <c r="D1117">
        <v>146.25359999999998</v>
      </c>
    </row>
    <row r="1118" spans="1:4" x14ac:dyDescent="0.25">
      <c r="A1118" s="1">
        <v>41832</v>
      </c>
      <c r="B1118" s="2">
        <v>0.47178240740740746</v>
      </c>
      <c r="C1118">
        <v>73.193399999999997</v>
      </c>
      <c r="D1118">
        <v>146.38679999999999</v>
      </c>
    </row>
    <row r="1119" spans="1:4" x14ac:dyDescent="0.25">
      <c r="A1119" s="1">
        <v>41832</v>
      </c>
      <c r="B1119" s="2">
        <v>0.56789351851851855</v>
      </c>
      <c r="C1119">
        <v>73.260000000000005</v>
      </c>
      <c r="D1119">
        <v>146.52000000000001</v>
      </c>
    </row>
    <row r="1120" spans="1:4" x14ac:dyDescent="0.25">
      <c r="A1120" s="1">
        <v>41832</v>
      </c>
      <c r="B1120" s="2">
        <v>0.68155092592592592</v>
      </c>
      <c r="C1120">
        <v>73.326599999999985</v>
      </c>
      <c r="D1120">
        <v>146.65319999999997</v>
      </c>
    </row>
    <row r="1121" spans="1:4" x14ac:dyDescent="0.25">
      <c r="A1121" s="1">
        <v>41832</v>
      </c>
      <c r="B1121" s="2">
        <v>0.80259259259259252</v>
      </c>
      <c r="C1121">
        <v>73.393199999999993</v>
      </c>
      <c r="D1121">
        <v>146.78639999999999</v>
      </c>
    </row>
    <row r="1122" spans="1:4" x14ac:dyDescent="0.25">
      <c r="A1122" s="1">
        <v>41832</v>
      </c>
      <c r="B1122" s="2">
        <v>0.93144675925925924</v>
      </c>
      <c r="C1122">
        <v>73.459799999999987</v>
      </c>
      <c r="D1122">
        <v>146.91959999999997</v>
      </c>
    </row>
    <row r="1123" spans="1:4" x14ac:dyDescent="0.25">
      <c r="A1123" s="1">
        <v>41833</v>
      </c>
      <c r="B1123" s="2">
        <v>7.1331018518518516E-2</v>
      </c>
      <c r="C1123">
        <v>73.526399999999995</v>
      </c>
      <c r="D1123">
        <v>147.05279999999999</v>
      </c>
    </row>
    <row r="1124" spans="1:4" x14ac:dyDescent="0.25">
      <c r="A1124" s="1">
        <v>41833</v>
      </c>
      <c r="B1124" s="2">
        <v>0.22315972222222222</v>
      </c>
      <c r="C1124">
        <v>73.593000000000004</v>
      </c>
      <c r="D1124">
        <v>147.18600000000001</v>
      </c>
    </row>
    <row r="1125" spans="1:4" x14ac:dyDescent="0.25">
      <c r="A1125" s="1">
        <v>41833</v>
      </c>
      <c r="B1125" s="2">
        <v>0.37414351851851851</v>
      </c>
      <c r="C1125">
        <v>73.659599999999998</v>
      </c>
      <c r="D1125">
        <v>147.3192</v>
      </c>
    </row>
    <row r="1126" spans="1:4" x14ac:dyDescent="0.25">
      <c r="A1126" s="1">
        <v>41833</v>
      </c>
      <c r="B1126" s="2">
        <v>0.53037037037037038</v>
      </c>
      <c r="C1126">
        <v>73.726199999999992</v>
      </c>
      <c r="D1126">
        <v>147.45239999999998</v>
      </c>
    </row>
    <row r="1127" spans="1:4" x14ac:dyDescent="0.25">
      <c r="A1127" s="1">
        <v>41833</v>
      </c>
      <c r="B1127" s="2">
        <v>0.71295138888888887</v>
      </c>
      <c r="C1127">
        <v>73.792799999999986</v>
      </c>
      <c r="D1127">
        <v>147.58559999999997</v>
      </c>
    </row>
    <row r="1128" spans="1:4" x14ac:dyDescent="0.25">
      <c r="A1128" s="1">
        <v>41833</v>
      </c>
      <c r="B1128" s="2">
        <v>0.92357638888888882</v>
      </c>
      <c r="C1128">
        <v>73.859399999999994</v>
      </c>
      <c r="D1128">
        <v>147.71879999999999</v>
      </c>
    </row>
    <row r="1129" spans="1:4" x14ac:dyDescent="0.25">
      <c r="A1129" s="1">
        <v>41834</v>
      </c>
      <c r="B1129" s="2">
        <v>0.14190972222222223</v>
      </c>
      <c r="C1129">
        <v>73.926000000000002</v>
      </c>
      <c r="D1129">
        <v>147.852</v>
      </c>
    </row>
    <row r="1130" spans="1:4" x14ac:dyDescent="0.25">
      <c r="A1130" s="1">
        <v>41834</v>
      </c>
      <c r="B1130" s="2">
        <v>0.36472222222222223</v>
      </c>
      <c r="C1130">
        <v>73.992599999999996</v>
      </c>
      <c r="D1130">
        <v>147.98519999999999</v>
      </c>
    </row>
    <row r="1131" spans="1:4" x14ac:dyDescent="0.25">
      <c r="A1131" s="1">
        <v>41834</v>
      </c>
      <c r="B1131" s="2">
        <v>0.59980324074074076</v>
      </c>
      <c r="C1131">
        <v>74.059200000000004</v>
      </c>
      <c r="D1131">
        <v>148.11840000000001</v>
      </c>
    </row>
    <row r="1132" spans="1:4" x14ac:dyDescent="0.25">
      <c r="A1132" s="1">
        <v>41834</v>
      </c>
      <c r="B1132" s="2">
        <v>0.91434027777777782</v>
      </c>
      <c r="C1132">
        <v>74.125799999999984</v>
      </c>
      <c r="D1132">
        <v>148.25159999999997</v>
      </c>
    </row>
    <row r="1133" spans="1:4" x14ac:dyDescent="0.25">
      <c r="A1133" s="1">
        <v>41835</v>
      </c>
      <c r="B1133" s="2">
        <v>0.19465277777777779</v>
      </c>
      <c r="C1133">
        <v>74.192399999999992</v>
      </c>
      <c r="D1133">
        <v>148.38479999999998</v>
      </c>
    </row>
    <row r="1134" spans="1:4" x14ac:dyDescent="0.25">
      <c r="A1134" s="1">
        <v>41835</v>
      </c>
      <c r="B1134" s="2">
        <v>0.47412037037037041</v>
      </c>
      <c r="C1134">
        <v>74.259</v>
      </c>
      <c r="D1134">
        <v>148.518</v>
      </c>
    </row>
    <row r="1135" spans="1:4" x14ac:dyDescent="0.25">
      <c r="A1135" s="1">
        <v>41835</v>
      </c>
      <c r="B1135" s="2">
        <v>0.75424768518518526</v>
      </c>
      <c r="C1135">
        <v>74.325599999999994</v>
      </c>
      <c r="D1135">
        <v>148.65119999999999</v>
      </c>
    </row>
    <row r="1136" spans="1:4" x14ac:dyDescent="0.25">
      <c r="A1136" s="1">
        <v>41836</v>
      </c>
      <c r="B1136" s="2">
        <v>0.14091435185185186</v>
      </c>
      <c r="C1136">
        <v>74.392200000000003</v>
      </c>
      <c r="D1136">
        <v>148.78440000000001</v>
      </c>
    </row>
    <row r="1137" spans="1:4" x14ac:dyDescent="0.25">
      <c r="A1137" s="1">
        <v>41836</v>
      </c>
      <c r="B1137" s="2">
        <v>0.53075231481481489</v>
      </c>
      <c r="C1137">
        <v>74.458799999999982</v>
      </c>
      <c r="D1137">
        <v>148.91759999999996</v>
      </c>
    </row>
    <row r="1138" spans="1:4" x14ac:dyDescent="0.25">
      <c r="A1138" s="1">
        <v>41837</v>
      </c>
      <c r="B1138" s="2">
        <v>0.30164351851851851</v>
      </c>
      <c r="C1138">
        <v>74.525399999999991</v>
      </c>
      <c r="D1138">
        <v>149.05079999999998</v>
      </c>
    </row>
    <row r="1139" spans="1:4" x14ac:dyDescent="0.25">
      <c r="A1139" s="1">
        <v>41837</v>
      </c>
      <c r="B1139" s="2">
        <v>0.7734375</v>
      </c>
      <c r="C1139">
        <v>74.591999999999999</v>
      </c>
      <c r="D1139">
        <v>149.184</v>
      </c>
    </row>
    <row r="1140" spans="1:4" x14ac:dyDescent="0.25">
      <c r="A1140" s="1">
        <v>41838</v>
      </c>
      <c r="B1140" s="2">
        <v>0.53828703703703706</v>
      </c>
      <c r="C1140">
        <v>74.658599999999993</v>
      </c>
      <c r="D1140">
        <v>149.31719999999999</v>
      </c>
    </row>
    <row r="1141" spans="1:4" x14ac:dyDescent="0.25">
      <c r="A1141" s="1">
        <v>41839</v>
      </c>
      <c r="B1141" s="2">
        <v>0.32685185185185184</v>
      </c>
      <c r="C1141">
        <v>74.725200000000001</v>
      </c>
      <c r="D1141">
        <v>149.4504</v>
      </c>
    </row>
    <row r="1142" spans="1:4" x14ac:dyDescent="0.25">
      <c r="A1142" s="1">
        <v>41840</v>
      </c>
      <c r="B1142" s="2">
        <v>0.25961805555555556</v>
      </c>
      <c r="C1142">
        <v>74.791799999999995</v>
      </c>
      <c r="D1142">
        <v>149.58359999999999</v>
      </c>
    </row>
    <row r="1143" spans="1:4" x14ac:dyDescent="0.25">
      <c r="A1143" s="1">
        <v>41841</v>
      </c>
      <c r="B1143" s="2">
        <v>0.35615740740740742</v>
      </c>
      <c r="C1143">
        <v>74.858399999999989</v>
      </c>
      <c r="D1143">
        <v>149.71679999999998</v>
      </c>
    </row>
    <row r="1144" spans="1:4" x14ac:dyDescent="0.25">
      <c r="A1144" s="1">
        <v>41842</v>
      </c>
      <c r="B1144" s="2">
        <v>0.81510416666666663</v>
      </c>
      <c r="C1144">
        <v>74.924999999999997</v>
      </c>
      <c r="D1144">
        <v>149.85</v>
      </c>
    </row>
    <row r="1145" spans="1:4" x14ac:dyDescent="0.25">
      <c r="A1145" s="1">
        <v>41843</v>
      </c>
      <c r="B1145" s="2">
        <v>0.88854166666666667</v>
      </c>
      <c r="C1145">
        <v>74.991599999999991</v>
      </c>
      <c r="D1145">
        <v>149.98319999999998</v>
      </c>
    </row>
    <row r="1146" spans="1:4" x14ac:dyDescent="0.25">
      <c r="A1146" s="1">
        <v>41844</v>
      </c>
      <c r="B1146" s="2">
        <v>0.98530092592592589</v>
      </c>
      <c r="C1146">
        <v>75.058199999999999</v>
      </c>
      <c r="D1146">
        <v>150.1164</v>
      </c>
    </row>
    <row r="1147" spans="1:4" x14ac:dyDescent="0.25">
      <c r="A1147" s="1">
        <v>41845</v>
      </c>
      <c r="B1147" s="2">
        <v>0.26020833333333332</v>
      </c>
      <c r="C1147">
        <v>75.124799999999993</v>
      </c>
      <c r="D1147">
        <v>150.24959999999999</v>
      </c>
    </row>
    <row r="1148" spans="1:4" x14ac:dyDescent="0.25">
      <c r="A1148" s="1">
        <v>41845</v>
      </c>
      <c r="B1148" s="2">
        <v>0.47418981481481487</v>
      </c>
      <c r="C1148">
        <v>75.191399999999987</v>
      </c>
      <c r="D1148">
        <v>150.38279999999997</v>
      </c>
    </row>
    <row r="1149" spans="1:4" x14ac:dyDescent="0.25">
      <c r="A1149" s="1">
        <v>41845</v>
      </c>
      <c r="B1149" s="2">
        <v>0.68549768518518517</v>
      </c>
      <c r="C1149">
        <v>75.257999999999996</v>
      </c>
      <c r="D1149">
        <v>150.51599999999999</v>
      </c>
    </row>
    <row r="1150" spans="1:4" x14ac:dyDescent="0.25">
      <c r="A1150" s="1">
        <v>41845</v>
      </c>
      <c r="B1150" s="2">
        <v>0.90872685185185187</v>
      </c>
      <c r="C1150">
        <v>75.32459999999999</v>
      </c>
      <c r="D1150">
        <v>150.64919999999998</v>
      </c>
    </row>
    <row r="1151" spans="1:4" x14ac:dyDescent="0.25">
      <c r="A1151" s="1">
        <v>41846</v>
      </c>
      <c r="B1151" s="2">
        <v>0.15274305555555556</v>
      </c>
      <c r="C1151">
        <v>75.391199999999998</v>
      </c>
      <c r="D1151">
        <v>150.7824</v>
      </c>
    </row>
    <row r="1152" spans="1:4" x14ac:dyDescent="0.25">
      <c r="A1152" s="1">
        <v>41846</v>
      </c>
      <c r="B1152" s="2">
        <v>0.38540509259259265</v>
      </c>
      <c r="C1152">
        <v>75.457799999999992</v>
      </c>
      <c r="D1152">
        <v>150.91559999999998</v>
      </c>
    </row>
    <row r="1153" spans="1:4" x14ac:dyDescent="0.25">
      <c r="A1153" s="1">
        <v>41846</v>
      </c>
      <c r="B1153" s="2">
        <v>0.60949074074074072</v>
      </c>
      <c r="C1153">
        <v>75.5244</v>
      </c>
      <c r="D1153">
        <v>151.0488</v>
      </c>
    </row>
    <row r="1154" spans="1:4" x14ac:dyDescent="0.25">
      <c r="A1154" s="1">
        <v>41846</v>
      </c>
      <c r="B1154" s="2">
        <v>0.89215277777777768</v>
      </c>
      <c r="C1154">
        <v>75.590999999999994</v>
      </c>
      <c r="D1154">
        <v>151.18199999999999</v>
      </c>
    </row>
    <row r="1155" spans="1:4" x14ac:dyDescent="0.25">
      <c r="A1155" s="1">
        <v>41847</v>
      </c>
      <c r="B1155" s="2">
        <v>0.16325231481481481</v>
      </c>
      <c r="C1155">
        <v>75.657599999999988</v>
      </c>
      <c r="D1155">
        <v>151.31519999999998</v>
      </c>
    </row>
    <row r="1156" spans="1:4" x14ac:dyDescent="0.25">
      <c r="A1156" s="1">
        <v>41847</v>
      </c>
      <c r="B1156" s="2">
        <v>0.4622337962962963</v>
      </c>
      <c r="C1156">
        <v>75.724199999999996</v>
      </c>
      <c r="D1156">
        <v>151.44839999999999</v>
      </c>
    </row>
    <row r="1157" spans="1:4" x14ac:dyDescent="0.25">
      <c r="A1157" s="1">
        <v>41847</v>
      </c>
      <c r="B1157" s="2">
        <v>0.75775462962962958</v>
      </c>
      <c r="C1157">
        <v>75.79079999999999</v>
      </c>
      <c r="D1157">
        <v>151.58159999999998</v>
      </c>
    </row>
    <row r="1158" spans="1:4" x14ac:dyDescent="0.25">
      <c r="A1158" s="1">
        <v>41848</v>
      </c>
      <c r="B1158" s="2">
        <v>6.4270833333333333E-2</v>
      </c>
      <c r="C1158">
        <v>75.857399999999998</v>
      </c>
      <c r="D1158">
        <v>151.7148</v>
      </c>
    </row>
    <row r="1159" spans="1:4" x14ac:dyDescent="0.25">
      <c r="A1159" s="1">
        <v>41848</v>
      </c>
      <c r="B1159" s="2">
        <v>0.28204861111111112</v>
      </c>
      <c r="C1159">
        <v>75.924000000000007</v>
      </c>
      <c r="D1159">
        <v>151.84800000000001</v>
      </c>
    </row>
    <row r="1160" spans="1:4" x14ac:dyDescent="0.25">
      <c r="A1160" s="1">
        <v>41848</v>
      </c>
      <c r="B1160" s="2">
        <v>0.48037037037037034</v>
      </c>
      <c r="C1160">
        <v>75.990599999999986</v>
      </c>
      <c r="D1160">
        <v>151.98119999999997</v>
      </c>
    </row>
    <row r="1161" spans="1:4" x14ac:dyDescent="0.25">
      <c r="A1161" s="1">
        <v>41848</v>
      </c>
      <c r="B1161" s="2">
        <v>0.66306712962962966</v>
      </c>
      <c r="C1161">
        <v>76.057199999999995</v>
      </c>
      <c r="D1161">
        <v>152.11439999999999</v>
      </c>
    </row>
    <row r="1162" spans="1:4" x14ac:dyDescent="0.25">
      <c r="A1162" s="1">
        <v>41848</v>
      </c>
      <c r="B1162" s="2">
        <v>0.86024305555555547</v>
      </c>
      <c r="C1162">
        <v>76.123799999999989</v>
      </c>
      <c r="D1162">
        <v>152.24759999999998</v>
      </c>
    </row>
    <row r="1163" spans="1:4" x14ac:dyDescent="0.25">
      <c r="A1163" s="1">
        <v>41849</v>
      </c>
      <c r="B1163" s="2">
        <v>6.011574074074074E-2</v>
      </c>
      <c r="C1163">
        <v>76.190399999999997</v>
      </c>
      <c r="D1163">
        <v>152.38079999999999</v>
      </c>
    </row>
    <row r="1164" spans="1:4" x14ac:dyDescent="0.25">
      <c r="A1164" s="1">
        <v>41849</v>
      </c>
      <c r="B1164" s="2">
        <v>0.25641203703703702</v>
      </c>
      <c r="C1164">
        <v>76.257000000000005</v>
      </c>
      <c r="D1164">
        <v>152.51400000000001</v>
      </c>
    </row>
    <row r="1165" spans="1:4" x14ac:dyDescent="0.25">
      <c r="A1165" s="1">
        <v>41849</v>
      </c>
      <c r="B1165" s="2">
        <v>0.45060185185185181</v>
      </c>
      <c r="C1165">
        <v>76.323599999999985</v>
      </c>
      <c r="D1165">
        <v>152.64719999999997</v>
      </c>
    </row>
    <row r="1166" spans="1:4" x14ac:dyDescent="0.25">
      <c r="A1166" s="1">
        <v>41849</v>
      </c>
      <c r="B1166" s="2">
        <v>0.66710648148148144</v>
      </c>
      <c r="C1166">
        <v>76.390199999999993</v>
      </c>
      <c r="D1166">
        <v>152.78039999999999</v>
      </c>
    </row>
    <row r="1167" spans="1:4" x14ac:dyDescent="0.25">
      <c r="A1167" s="1">
        <v>41849</v>
      </c>
      <c r="B1167" s="2">
        <v>0.88372685185185185</v>
      </c>
      <c r="C1167">
        <v>76.456799999999987</v>
      </c>
      <c r="D1167">
        <v>152.91359999999997</v>
      </c>
    </row>
    <row r="1168" spans="1:4" x14ac:dyDescent="0.25">
      <c r="A1168" s="1">
        <v>41850</v>
      </c>
      <c r="B1168" s="2">
        <v>0.10753472222222223</v>
      </c>
      <c r="C1168">
        <v>76.523399999999995</v>
      </c>
      <c r="D1168">
        <v>153.04679999999999</v>
      </c>
    </row>
    <row r="1169" spans="1:4" x14ac:dyDescent="0.25">
      <c r="A1169" s="1">
        <v>41850</v>
      </c>
      <c r="B1169" s="2">
        <v>0.32063657407407409</v>
      </c>
      <c r="C1169">
        <v>76.59</v>
      </c>
      <c r="D1169">
        <v>153.18</v>
      </c>
    </row>
    <row r="1170" spans="1:4" x14ac:dyDescent="0.25">
      <c r="A1170" s="1">
        <v>41850</v>
      </c>
      <c r="B1170" s="2">
        <v>0.4155787037037037</v>
      </c>
      <c r="C1170">
        <v>76.656599999999997</v>
      </c>
      <c r="D1170">
        <v>153.31319999999999</v>
      </c>
    </row>
    <row r="1171" spans="1:4" x14ac:dyDescent="0.25">
      <c r="A1171" s="1">
        <v>41850</v>
      </c>
      <c r="B1171" s="2">
        <v>0.42115740740740742</v>
      </c>
      <c r="C1171">
        <v>76.723199999999991</v>
      </c>
      <c r="D1171">
        <v>153.44639999999998</v>
      </c>
    </row>
    <row r="1172" spans="1:4" x14ac:dyDescent="0.25">
      <c r="A1172" s="1">
        <v>41850</v>
      </c>
      <c r="B1172" s="2">
        <v>0.42434027777777777</v>
      </c>
      <c r="C1172">
        <v>76.789799999999985</v>
      </c>
      <c r="D1172">
        <v>153.57959999999997</v>
      </c>
    </row>
    <row r="1173" spans="1:4" x14ac:dyDescent="0.25">
      <c r="A1173" s="1">
        <v>41850</v>
      </c>
      <c r="B1173" s="2">
        <v>0.42646990740740742</v>
      </c>
      <c r="C1173">
        <v>76.856399999999994</v>
      </c>
      <c r="D1173">
        <v>153.71279999999999</v>
      </c>
    </row>
    <row r="1174" spans="1:4" x14ac:dyDescent="0.25">
      <c r="A1174" s="1">
        <v>41850</v>
      </c>
      <c r="B1174" s="2">
        <v>0.4288541666666667</v>
      </c>
      <c r="C1174">
        <v>76.923000000000002</v>
      </c>
      <c r="D1174">
        <v>153.846</v>
      </c>
    </row>
    <row r="1175" spans="1:4" x14ac:dyDescent="0.25">
      <c r="A1175" s="1">
        <v>41850</v>
      </c>
      <c r="B1175" s="2">
        <v>0.43157407407407405</v>
      </c>
      <c r="C1175">
        <v>76.989599999999996</v>
      </c>
      <c r="D1175">
        <v>153.97919999999999</v>
      </c>
    </row>
    <row r="1176" spans="1:4" x14ac:dyDescent="0.25">
      <c r="A1176" s="1">
        <v>41850</v>
      </c>
      <c r="B1176" s="2">
        <v>0.43434027777777778</v>
      </c>
      <c r="C1176">
        <v>77.056200000000004</v>
      </c>
      <c r="D1176">
        <v>154.11240000000001</v>
      </c>
    </row>
    <row r="1177" spans="1:4" x14ac:dyDescent="0.25">
      <c r="A1177" s="1">
        <v>41850</v>
      </c>
      <c r="B1177" s="2">
        <v>0.43731481481481477</v>
      </c>
      <c r="C1177">
        <v>77.122799999999984</v>
      </c>
      <c r="D1177">
        <v>154.24559999999997</v>
      </c>
    </row>
    <row r="1178" spans="1:4" x14ac:dyDescent="0.25">
      <c r="A1178" s="1">
        <v>41850</v>
      </c>
      <c r="B1178" s="2">
        <v>0.44023148148148145</v>
      </c>
      <c r="C1178">
        <v>77.189399999999992</v>
      </c>
      <c r="D1178">
        <v>154.37879999999998</v>
      </c>
    </row>
    <row r="1179" spans="1:4" x14ac:dyDescent="0.25">
      <c r="A1179" s="1">
        <v>41850</v>
      </c>
      <c r="B1179" s="2">
        <v>0.44333333333333336</v>
      </c>
      <c r="C1179">
        <v>77.256</v>
      </c>
      <c r="D1179">
        <v>154.512</v>
      </c>
    </row>
    <row r="1180" spans="1:4" x14ac:dyDescent="0.25">
      <c r="A1180" s="1">
        <v>41850</v>
      </c>
      <c r="B1180" s="2">
        <v>0.44640046296296299</v>
      </c>
      <c r="C1180">
        <v>77.322599999999994</v>
      </c>
      <c r="D1180">
        <v>154.64519999999999</v>
      </c>
    </row>
    <row r="1181" spans="1:4" x14ac:dyDescent="0.25">
      <c r="A1181" s="1">
        <v>41850</v>
      </c>
      <c r="B1181" s="2">
        <v>0.44968750000000002</v>
      </c>
      <c r="C1181">
        <v>77.389200000000002</v>
      </c>
      <c r="D1181">
        <v>154.7784</v>
      </c>
    </row>
    <row r="1182" spans="1:4" x14ac:dyDescent="0.25">
      <c r="A1182" s="1">
        <v>41850</v>
      </c>
      <c r="B1182" s="2">
        <v>0.45291666666666663</v>
      </c>
      <c r="C1182">
        <v>77.455799999999982</v>
      </c>
      <c r="D1182">
        <v>154.91159999999996</v>
      </c>
    </row>
    <row r="1183" spans="1:4" x14ac:dyDescent="0.25">
      <c r="A1183" s="1">
        <v>41850</v>
      </c>
      <c r="B1183" s="2">
        <v>0.45637731481481486</v>
      </c>
      <c r="C1183">
        <v>77.52239999999999</v>
      </c>
      <c r="D1183">
        <v>155.04479999999998</v>
      </c>
    </row>
    <row r="1184" spans="1:4" x14ac:dyDescent="0.25">
      <c r="A1184" s="1">
        <v>41850</v>
      </c>
      <c r="B1184" s="2">
        <v>0.45981481481481484</v>
      </c>
      <c r="C1184">
        <v>77.588999999999999</v>
      </c>
      <c r="D1184">
        <v>155.178</v>
      </c>
    </row>
    <row r="1185" spans="1:4" x14ac:dyDescent="0.25">
      <c r="A1185" s="1">
        <v>41850</v>
      </c>
      <c r="B1185" s="2">
        <v>0.46348379629629632</v>
      </c>
      <c r="C1185">
        <v>77.655599999999993</v>
      </c>
      <c r="D1185">
        <v>155.31119999999999</v>
      </c>
    </row>
    <row r="1186" spans="1:4" x14ac:dyDescent="0.25">
      <c r="A1186" s="1">
        <v>41850</v>
      </c>
      <c r="B1186" s="2">
        <v>0.46710648148148143</v>
      </c>
      <c r="C1186">
        <v>77.722200000000001</v>
      </c>
      <c r="D1186">
        <v>155.4444</v>
      </c>
    </row>
    <row r="1187" spans="1:4" x14ac:dyDescent="0.25">
      <c r="A1187" s="1">
        <v>41850</v>
      </c>
      <c r="B1187" s="2">
        <v>0.4710185185185185</v>
      </c>
      <c r="C1187">
        <v>77.788799999999995</v>
      </c>
      <c r="D1187">
        <v>155.57759999999999</v>
      </c>
    </row>
    <row r="1188" spans="1:4" x14ac:dyDescent="0.25">
      <c r="A1188" s="1">
        <v>41850</v>
      </c>
      <c r="B1188" s="2">
        <v>0.47497685185185184</v>
      </c>
      <c r="C1188">
        <v>77.855399999999989</v>
      </c>
      <c r="D1188">
        <v>155.71079999999998</v>
      </c>
    </row>
    <row r="1189" spans="1:4" x14ac:dyDescent="0.25">
      <c r="A1189" s="1">
        <v>41850</v>
      </c>
      <c r="B1189" s="2">
        <v>0.47917824074074072</v>
      </c>
      <c r="C1189">
        <v>77.921999999999997</v>
      </c>
      <c r="D1189">
        <v>155.84399999999999</v>
      </c>
    </row>
    <row r="1190" spans="1:4" x14ac:dyDescent="0.25">
      <c r="A1190" s="1">
        <v>41850</v>
      </c>
      <c r="B1190" s="2">
        <v>0.48343749999999996</v>
      </c>
      <c r="C1190">
        <v>77.988599999999991</v>
      </c>
      <c r="D1190">
        <v>155.97719999999998</v>
      </c>
    </row>
    <row r="1191" spans="1:4" x14ac:dyDescent="0.25">
      <c r="A1191" s="1">
        <v>41850</v>
      </c>
      <c r="B1191" s="2">
        <v>0.48795138888888889</v>
      </c>
      <c r="C1191">
        <v>78.055199999999999</v>
      </c>
      <c r="D1191">
        <v>156.1104</v>
      </c>
    </row>
    <row r="1192" spans="1:4" x14ac:dyDescent="0.25">
      <c r="A1192" s="1">
        <v>41850</v>
      </c>
      <c r="B1192" s="2">
        <v>0.49252314814814818</v>
      </c>
      <c r="C1192">
        <v>78.121799999999993</v>
      </c>
      <c r="D1192">
        <v>156.24359999999999</v>
      </c>
    </row>
    <row r="1193" spans="1:4" x14ac:dyDescent="0.25">
      <c r="A1193" s="1">
        <v>41850</v>
      </c>
      <c r="B1193" s="2">
        <v>0.49745370370370368</v>
      </c>
      <c r="C1193">
        <v>78.188399999999987</v>
      </c>
      <c r="D1193">
        <v>156.37679999999997</v>
      </c>
    </row>
    <row r="1194" spans="1:4" x14ac:dyDescent="0.25">
      <c r="A1194" s="1">
        <v>41850</v>
      </c>
      <c r="B1194" s="2">
        <v>0.50233796296296296</v>
      </c>
      <c r="C1194">
        <v>78.254999999999995</v>
      </c>
      <c r="D1194">
        <v>156.51</v>
      </c>
    </row>
    <row r="1195" spans="1:4" x14ac:dyDescent="0.25">
      <c r="A1195" s="1">
        <v>41850</v>
      </c>
      <c r="B1195" s="2">
        <v>0.50762731481481482</v>
      </c>
      <c r="C1195">
        <v>78.321599999999989</v>
      </c>
      <c r="D1195">
        <v>156.64319999999998</v>
      </c>
    </row>
    <row r="1196" spans="1:4" x14ac:dyDescent="0.25">
      <c r="A1196" s="1">
        <v>41850</v>
      </c>
      <c r="B1196" s="2">
        <v>0.5128935185185185</v>
      </c>
      <c r="C1196">
        <v>78.388199999999998</v>
      </c>
      <c r="D1196">
        <v>156.7764</v>
      </c>
    </row>
    <row r="1197" spans="1:4" x14ac:dyDescent="0.25">
      <c r="A1197" s="1">
        <v>41850</v>
      </c>
      <c r="B1197" s="2">
        <v>0.51863425925925932</v>
      </c>
      <c r="C1197">
        <v>78.454799999999992</v>
      </c>
      <c r="D1197">
        <v>156.90959999999998</v>
      </c>
    </row>
    <row r="1198" spans="1:4" x14ac:dyDescent="0.25">
      <c r="A1198" s="1">
        <v>41850</v>
      </c>
      <c r="B1198" s="2">
        <v>0.52436342592592589</v>
      </c>
      <c r="C1198">
        <v>78.5214</v>
      </c>
      <c r="D1198">
        <v>157.0428</v>
      </c>
    </row>
    <row r="1199" spans="1:4" x14ac:dyDescent="0.25">
      <c r="A1199" s="1">
        <v>41850</v>
      </c>
      <c r="B1199" s="2">
        <v>0.53055555555555556</v>
      </c>
      <c r="C1199">
        <v>78.587999999999994</v>
      </c>
      <c r="D1199">
        <v>157.17599999999999</v>
      </c>
    </row>
    <row r="1200" spans="1:4" x14ac:dyDescent="0.25">
      <c r="A1200" s="1">
        <v>41850</v>
      </c>
      <c r="B1200" s="2">
        <v>0.53664351851851855</v>
      </c>
      <c r="C1200">
        <v>78.654599999999988</v>
      </c>
      <c r="D1200">
        <v>157.30919999999998</v>
      </c>
    </row>
    <row r="1201" spans="1:4" x14ac:dyDescent="0.25">
      <c r="A1201" s="1">
        <v>41850</v>
      </c>
      <c r="B1201" s="2">
        <v>0.5433217592592593</v>
      </c>
      <c r="C1201">
        <v>78.721199999999996</v>
      </c>
      <c r="D1201">
        <v>157.44239999999999</v>
      </c>
    </row>
    <row r="1202" spans="1:4" x14ac:dyDescent="0.25">
      <c r="A1202" s="1">
        <v>41850</v>
      </c>
      <c r="B1202" s="2">
        <v>0.54988425925925932</v>
      </c>
      <c r="C1202">
        <v>78.78779999999999</v>
      </c>
      <c r="D1202">
        <v>157.57559999999998</v>
      </c>
    </row>
    <row r="1203" spans="1:4" x14ac:dyDescent="0.25">
      <c r="A1203" s="1">
        <v>41850</v>
      </c>
      <c r="B1203" s="2">
        <v>0.55701388888888892</v>
      </c>
      <c r="C1203">
        <v>78.854399999999998</v>
      </c>
      <c r="D1203">
        <v>157.7088</v>
      </c>
    </row>
    <row r="1204" spans="1:4" x14ac:dyDescent="0.25">
      <c r="A1204" s="1">
        <v>41850</v>
      </c>
      <c r="B1204" s="2">
        <v>0.56416666666666659</v>
      </c>
      <c r="C1204">
        <v>78.921000000000006</v>
      </c>
      <c r="D1204">
        <v>157.84200000000001</v>
      </c>
    </row>
    <row r="1205" spans="1:4" x14ac:dyDescent="0.25">
      <c r="A1205" s="1">
        <v>41850</v>
      </c>
      <c r="B1205" s="2">
        <v>0.57174768518518515</v>
      </c>
      <c r="C1205">
        <v>78.987599999999986</v>
      </c>
      <c r="D1205">
        <v>157.97519999999997</v>
      </c>
    </row>
    <row r="1206" spans="1:4" x14ac:dyDescent="0.25">
      <c r="A1206" s="1">
        <v>41850</v>
      </c>
      <c r="B1206" s="2">
        <v>0.5794097222222222</v>
      </c>
      <c r="C1206">
        <v>79.054199999999994</v>
      </c>
      <c r="D1206">
        <v>158.10839999999999</v>
      </c>
    </row>
    <row r="1207" spans="1:4" x14ac:dyDescent="0.25">
      <c r="A1207" s="1">
        <v>41850</v>
      </c>
      <c r="B1207" s="2">
        <v>0.58761574074074074</v>
      </c>
      <c r="C1207">
        <v>79.120799999999988</v>
      </c>
      <c r="D1207">
        <v>158.24159999999998</v>
      </c>
    </row>
    <row r="1208" spans="1:4" x14ac:dyDescent="0.25">
      <c r="A1208" s="1">
        <v>41850</v>
      </c>
      <c r="B1208" s="2">
        <v>0.59592592592592586</v>
      </c>
      <c r="C1208">
        <v>79.187399999999997</v>
      </c>
      <c r="D1208">
        <v>158.37479999999999</v>
      </c>
    </row>
    <row r="1209" spans="1:4" x14ac:dyDescent="0.25">
      <c r="A1209" s="1">
        <v>41850</v>
      </c>
      <c r="B1209" s="2">
        <v>0.60484953703703703</v>
      </c>
      <c r="C1209">
        <v>79.254000000000005</v>
      </c>
      <c r="D1209">
        <v>158.50800000000001</v>
      </c>
    </row>
    <row r="1210" spans="1:4" x14ac:dyDescent="0.25">
      <c r="A1210" s="1">
        <v>41850</v>
      </c>
      <c r="B1210" s="2">
        <v>0.61388888888888882</v>
      </c>
      <c r="C1210">
        <v>79.320599999999985</v>
      </c>
      <c r="D1210">
        <v>158.64119999999997</v>
      </c>
    </row>
    <row r="1211" spans="1:4" x14ac:dyDescent="0.25">
      <c r="A1211" s="1">
        <v>41850</v>
      </c>
      <c r="B1211" s="2">
        <v>0.62395833333333328</v>
      </c>
      <c r="C1211">
        <v>79.387199999999993</v>
      </c>
      <c r="D1211">
        <v>158.77439999999999</v>
      </c>
    </row>
    <row r="1212" spans="1:4" x14ac:dyDescent="0.25">
      <c r="A1212" s="1">
        <v>41850</v>
      </c>
      <c r="B1212" s="2">
        <v>0.63391203703703702</v>
      </c>
      <c r="C1212">
        <v>79.453799999999987</v>
      </c>
      <c r="D1212">
        <v>158.90759999999997</v>
      </c>
    </row>
    <row r="1213" spans="1:4" x14ac:dyDescent="0.25">
      <c r="A1213" s="1">
        <v>41850</v>
      </c>
      <c r="B1213" s="2">
        <v>0.64449074074074075</v>
      </c>
      <c r="C1213">
        <v>79.520399999999995</v>
      </c>
      <c r="D1213">
        <v>159.04079999999999</v>
      </c>
    </row>
    <row r="1214" spans="1:4" x14ac:dyDescent="0.25">
      <c r="A1214" s="1">
        <v>41850</v>
      </c>
      <c r="B1214" s="2">
        <v>0.65508101851851852</v>
      </c>
      <c r="C1214">
        <v>79.587000000000003</v>
      </c>
      <c r="D1214">
        <v>159.17400000000001</v>
      </c>
    </row>
    <row r="1215" spans="1:4" x14ac:dyDescent="0.25">
      <c r="A1215" s="1">
        <v>41850</v>
      </c>
      <c r="B1215" s="2">
        <v>0.6665740740740741</v>
      </c>
      <c r="C1215">
        <v>79.653599999999997</v>
      </c>
      <c r="D1215">
        <v>159.30719999999999</v>
      </c>
    </row>
    <row r="1216" spans="1:4" x14ac:dyDescent="0.25">
      <c r="A1216" s="1">
        <v>41850</v>
      </c>
      <c r="B1216" s="2">
        <v>0.67811342592592594</v>
      </c>
      <c r="C1216">
        <v>79.720199999999991</v>
      </c>
      <c r="D1216">
        <v>159.44039999999998</v>
      </c>
    </row>
    <row r="1217" spans="1:4" x14ac:dyDescent="0.25">
      <c r="A1217" s="1">
        <v>41850</v>
      </c>
      <c r="B1217" s="2">
        <v>0.69039351851851849</v>
      </c>
      <c r="C1217">
        <v>79.786799999999985</v>
      </c>
      <c r="D1217">
        <v>159.57359999999997</v>
      </c>
    </row>
    <row r="1218" spans="1:4" x14ac:dyDescent="0.25">
      <c r="A1218" s="1">
        <v>41850</v>
      </c>
      <c r="B1218" s="2">
        <v>0.70293981481481482</v>
      </c>
      <c r="C1218">
        <v>79.853399999999993</v>
      </c>
      <c r="D1218">
        <v>159.70679999999999</v>
      </c>
    </row>
    <row r="1219" spans="1:4" x14ac:dyDescent="0.25">
      <c r="A1219" s="1">
        <v>41850</v>
      </c>
      <c r="B1219" s="2">
        <v>0.71649305555555554</v>
      </c>
      <c r="C1219">
        <v>79.92</v>
      </c>
      <c r="D1219">
        <v>159.84</v>
      </c>
    </row>
    <row r="1220" spans="1:4" x14ac:dyDescent="0.25">
      <c r="A1220" s="1">
        <v>41850</v>
      </c>
      <c r="B1220" s="2">
        <v>0.72991898148148149</v>
      </c>
      <c r="C1220">
        <v>79.986599999999996</v>
      </c>
      <c r="D1220">
        <v>159.97319999999999</v>
      </c>
    </row>
    <row r="1221" spans="1:4" x14ac:dyDescent="0.25">
      <c r="A1221" s="1">
        <v>41850</v>
      </c>
      <c r="B1221" s="2">
        <v>0.7443171296296297</v>
      </c>
      <c r="C1221">
        <v>80.053200000000004</v>
      </c>
      <c r="D1221">
        <v>160.10640000000001</v>
      </c>
    </row>
    <row r="1222" spans="1:4" x14ac:dyDescent="0.25">
      <c r="A1222" s="1">
        <v>41850</v>
      </c>
      <c r="B1222" s="2">
        <v>0.75871527777777781</v>
      </c>
      <c r="C1222">
        <v>80.119799999999984</v>
      </c>
      <c r="D1222">
        <v>160.23959999999997</v>
      </c>
    </row>
    <row r="1223" spans="1:4" x14ac:dyDescent="0.25">
      <c r="A1223" s="1">
        <v>41850</v>
      </c>
      <c r="B1223" s="2">
        <v>0.7739583333333333</v>
      </c>
      <c r="C1223">
        <v>80.186399999999992</v>
      </c>
      <c r="D1223">
        <v>160.37279999999998</v>
      </c>
    </row>
    <row r="1224" spans="1:4" x14ac:dyDescent="0.25">
      <c r="A1224" s="1">
        <v>41850</v>
      </c>
      <c r="B1224" s="2">
        <v>0.78923611111111114</v>
      </c>
      <c r="C1224">
        <v>80.253</v>
      </c>
      <c r="D1224">
        <v>160.506</v>
      </c>
    </row>
    <row r="1225" spans="1:4" x14ac:dyDescent="0.25">
      <c r="A1225" s="1">
        <v>41850</v>
      </c>
      <c r="B1225" s="2">
        <v>0.80505787037037047</v>
      </c>
      <c r="C1225">
        <v>80.319599999999994</v>
      </c>
      <c r="D1225">
        <v>160.63919999999999</v>
      </c>
    </row>
    <row r="1226" spans="1:4" x14ac:dyDescent="0.25">
      <c r="A1226" s="1">
        <v>41850</v>
      </c>
      <c r="B1226" s="2">
        <v>0.82048611111111114</v>
      </c>
      <c r="C1226">
        <v>80.386200000000002</v>
      </c>
      <c r="D1226">
        <v>160.7724</v>
      </c>
    </row>
    <row r="1227" spans="1:4" x14ac:dyDescent="0.25">
      <c r="A1227" s="1">
        <v>41850</v>
      </c>
      <c r="B1227" s="2">
        <v>0.8361574074074074</v>
      </c>
      <c r="C1227">
        <v>80.452799999999982</v>
      </c>
      <c r="D1227">
        <v>160.90559999999996</v>
      </c>
    </row>
    <row r="1228" spans="1:4" x14ac:dyDescent="0.25">
      <c r="A1228" s="1">
        <v>41850</v>
      </c>
      <c r="B1228" s="2">
        <v>0.85086805555555556</v>
      </c>
      <c r="C1228">
        <v>80.51939999999999</v>
      </c>
      <c r="D1228">
        <v>161.03879999999998</v>
      </c>
    </row>
    <row r="1229" spans="1:4" x14ac:dyDescent="0.25">
      <c r="A1229" s="1">
        <v>41850</v>
      </c>
      <c r="B1229" s="2">
        <v>0.86410879629629633</v>
      </c>
      <c r="C1229">
        <v>80.585999999999999</v>
      </c>
      <c r="D1229">
        <v>161.172</v>
      </c>
    </row>
    <row r="1230" spans="1:4" x14ac:dyDescent="0.25">
      <c r="A1230" s="1">
        <v>41850</v>
      </c>
      <c r="B1230" s="2">
        <v>0.87859953703703697</v>
      </c>
      <c r="C1230">
        <v>80.652599999999993</v>
      </c>
      <c r="D1230">
        <v>161.30519999999999</v>
      </c>
    </row>
    <row r="1231" spans="1:4" x14ac:dyDescent="0.25">
      <c r="A1231" s="1">
        <v>41850</v>
      </c>
      <c r="B1231" s="2">
        <v>0.89285879629629628</v>
      </c>
      <c r="C1231">
        <v>80.719200000000001</v>
      </c>
      <c r="D1231">
        <v>161.4384</v>
      </c>
    </row>
    <row r="1232" spans="1:4" x14ac:dyDescent="0.25">
      <c r="A1232" s="1">
        <v>41850</v>
      </c>
      <c r="B1232" s="2">
        <v>0.90608796296296301</v>
      </c>
      <c r="C1232">
        <v>80.785799999999995</v>
      </c>
      <c r="D1232">
        <v>161.57159999999999</v>
      </c>
    </row>
    <row r="1233" spans="1:4" x14ac:dyDescent="0.25">
      <c r="A1233" s="1">
        <v>41850</v>
      </c>
      <c r="B1233" s="2">
        <v>0.91995370370370377</v>
      </c>
      <c r="C1233">
        <v>80.852399999999989</v>
      </c>
      <c r="D1233">
        <v>161.70479999999998</v>
      </c>
    </row>
    <row r="1234" spans="1:4" x14ac:dyDescent="0.25">
      <c r="A1234" s="1">
        <v>41850</v>
      </c>
      <c r="B1234" s="2">
        <v>0.93329861111111112</v>
      </c>
      <c r="C1234">
        <v>80.918999999999997</v>
      </c>
      <c r="D1234">
        <v>161.83799999999999</v>
      </c>
    </row>
    <row r="1235" spans="1:4" x14ac:dyDescent="0.25">
      <c r="A1235" s="1">
        <v>41850</v>
      </c>
      <c r="B1235" s="2">
        <v>0.94724537037037038</v>
      </c>
      <c r="C1235">
        <v>80.985599999999991</v>
      </c>
      <c r="D1235">
        <v>161.97119999999998</v>
      </c>
    </row>
    <row r="1236" spans="1:4" x14ac:dyDescent="0.25">
      <c r="A1236" s="1">
        <v>41850</v>
      </c>
      <c r="B1236" s="2">
        <v>0.96092592592592585</v>
      </c>
      <c r="C1236">
        <v>81.052199999999999</v>
      </c>
      <c r="D1236">
        <v>162.1044</v>
      </c>
    </row>
    <row r="1237" spans="1:4" x14ac:dyDescent="0.25">
      <c r="A1237" s="1">
        <v>41850</v>
      </c>
      <c r="B1237" s="2">
        <v>0.97621527777777783</v>
      </c>
      <c r="C1237">
        <v>81.118799999999993</v>
      </c>
      <c r="D1237">
        <v>162.23759999999999</v>
      </c>
    </row>
    <row r="1238" spans="1:4" x14ac:dyDescent="0.25">
      <c r="A1238" s="1">
        <v>41850</v>
      </c>
      <c r="B1238" s="2">
        <v>0.99466435185185187</v>
      </c>
      <c r="C1238">
        <v>81.185399999999987</v>
      </c>
      <c r="D1238">
        <v>162.37079999999997</v>
      </c>
    </row>
    <row r="1239" spans="1:4" x14ac:dyDescent="0.25">
      <c r="A1239" s="1">
        <v>41851</v>
      </c>
      <c r="B1239" s="2">
        <v>1.2569444444444446E-2</v>
      </c>
      <c r="C1239">
        <v>81.251999999999995</v>
      </c>
      <c r="D1239">
        <v>162.50399999999999</v>
      </c>
    </row>
    <row r="1240" spans="1:4" x14ac:dyDescent="0.25">
      <c r="A1240" s="1">
        <v>41851</v>
      </c>
      <c r="B1240" s="2">
        <v>2.8761574074074075E-2</v>
      </c>
      <c r="C1240">
        <v>81.318599999999989</v>
      </c>
      <c r="D1240">
        <v>162.63719999999998</v>
      </c>
    </row>
    <row r="1241" spans="1:4" x14ac:dyDescent="0.25">
      <c r="A1241" s="1">
        <v>41851</v>
      </c>
      <c r="B1241" s="2">
        <v>4.5416666666666668E-2</v>
      </c>
      <c r="C1241">
        <v>81.385199999999998</v>
      </c>
      <c r="D1241">
        <v>162.7704</v>
      </c>
    </row>
    <row r="1242" spans="1:4" x14ac:dyDescent="0.25">
      <c r="A1242" s="1">
        <v>41851</v>
      </c>
      <c r="B1242" s="2">
        <v>6.1643518518518514E-2</v>
      </c>
      <c r="C1242">
        <v>81.451799999999992</v>
      </c>
      <c r="D1242">
        <v>162.90359999999998</v>
      </c>
    </row>
    <row r="1243" spans="1:4" x14ac:dyDescent="0.25">
      <c r="A1243" s="1">
        <v>41851</v>
      </c>
      <c r="B1243" s="2">
        <v>7.8773148148148148E-2</v>
      </c>
      <c r="C1243">
        <v>81.5184</v>
      </c>
      <c r="D1243">
        <v>163.0368</v>
      </c>
    </row>
    <row r="1244" spans="1:4" x14ac:dyDescent="0.25">
      <c r="A1244" s="1">
        <v>41851</v>
      </c>
      <c r="B1244" s="2">
        <v>9.5520833333333333E-2</v>
      </c>
      <c r="C1244">
        <v>81.584999999999994</v>
      </c>
      <c r="D1244">
        <v>163.16999999999999</v>
      </c>
    </row>
    <row r="1245" spans="1:4" x14ac:dyDescent="0.25">
      <c r="A1245" s="1">
        <v>41851</v>
      </c>
      <c r="B1245" s="2">
        <v>0.1131712962962963</v>
      </c>
      <c r="C1245">
        <v>81.651599999999988</v>
      </c>
      <c r="D1245">
        <v>163.30319999999998</v>
      </c>
    </row>
    <row r="1246" spans="1:4" x14ac:dyDescent="0.25">
      <c r="A1246" s="1">
        <v>41851</v>
      </c>
      <c r="B1246" s="2">
        <v>0.13048611111111111</v>
      </c>
      <c r="C1246">
        <v>81.718199999999996</v>
      </c>
      <c r="D1246">
        <v>163.43639999999999</v>
      </c>
    </row>
    <row r="1247" spans="1:4" x14ac:dyDescent="0.25">
      <c r="A1247" s="1">
        <v>41851</v>
      </c>
      <c r="B1247" s="2">
        <v>0.14910879629629628</v>
      </c>
      <c r="C1247">
        <v>81.78479999999999</v>
      </c>
      <c r="D1247">
        <v>163.56959999999998</v>
      </c>
    </row>
    <row r="1248" spans="1:4" x14ac:dyDescent="0.25">
      <c r="A1248" s="1">
        <v>41851</v>
      </c>
      <c r="B1248" s="2">
        <v>0.16741898148148149</v>
      </c>
      <c r="C1248">
        <v>81.851399999999998</v>
      </c>
      <c r="D1248">
        <v>163.7028</v>
      </c>
    </row>
    <row r="1249" spans="1:4" x14ac:dyDescent="0.25">
      <c r="A1249" s="1">
        <v>41851</v>
      </c>
      <c r="B1249" s="2">
        <v>0.18710648148148148</v>
      </c>
      <c r="C1249">
        <v>81.918000000000006</v>
      </c>
      <c r="D1249">
        <v>163.83600000000001</v>
      </c>
    </row>
    <row r="1250" spans="1:4" x14ac:dyDescent="0.25">
      <c r="A1250" s="1">
        <v>41851</v>
      </c>
      <c r="B1250" s="2">
        <v>0.20694444444444446</v>
      </c>
      <c r="C1250">
        <v>81.984599999999986</v>
      </c>
      <c r="D1250">
        <v>163.96919999999997</v>
      </c>
    </row>
    <row r="1251" spans="1:4" x14ac:dyDescent="0.25">
      <c r="A1251" s="1">
        <v>41851</v>
      </c>
      <c r="B1251" s="2">
        <v>0.22832175925925927</v>
      </c>
      <c r="C1251">
        <v>82.051199999999994</v>
      </c>
      <c r="D1251">
        <v>164.10239999999999</v>
      </c>
    </row>
    <row r="1252" spans="1:4" x14ac:dyDescent="0.25">
      <c r="A1252" s="1">
        <v>41851</v>
      </c>
      <c r="B1252" s="2">
        <v>0.24917824074074071</v>
      </c>
      <c r="C1252">
        <v>82.117799999999988</v>
      </c>
      <c r="D1252">
        <v>164.23559999999998</v>
      </c>
    </row>
    <row r="1253" spans="1:4" x14ac:dyDescent="0.25">
      <c r="A1253" s="1">
        <v>41851</v>
      </c>
      <c r="B1253" s="2">
        <v>0.27167824074074071</v>
      </c>
      <c r="C1253">
        <v>82.184399999999997</v>
      </c>
      <c r="D1253">
        <v>164.36879999999999</v>
      </c>
    </row>
    <row r="1254" spans="1:4" x14ac:dyDescent="0.25">
      <c r="A1254" s="1">
        <v>41851</v>
      </c>
      <c r="B1254" s="2">
        <v>0.2938425925925926</v>
      </c>
      <c r="C1254">
        <v>82.251000000000005</v>
      </c>
      <c r="D1254">
        <v>164.50200000000001</v>
      </c>
    </row>
    <row r="1255" spans="1:4" x14ac:dyDescent="0.25">
      <c r="A1255" s="1">
        <v>41851</v>
      </c>
      <c r="B1255" s="2">
        <v>0.31792824074074072</v>
      </c>
      <c r="C1255">
        <v>82.317599999999985</v>
      </c>
      <c r="D1255">
        <v>164.63519999999997</v>
      </c>
    </row>
    <row r="1256" spans="1:4" x14ac:dyDescent="0.25">
      <c r="A1256" s="1">
        <v>41851</v>
      </c>
      <c r="B1256" s="2">
        <v>0.3420138888888889</v>
      </c>
      <c r="C1256">
        <v>82.384199999999993</v>
      </c>
      <c r="D1256">
        <v>164.76839999999999</v>
      </c>
    </row>
    <row r="1257" spans="1:4" x14ac:dyDescent="0.25">
      <c r="A1257" s="1">
        <v>41851</v>
      </c>
      <c r="B1257" s="2">
        <v>0.3677083333333333</v>
      </c>
      <c r="C1257">
        <v>82.450799999999987</v>
      </c>
      <c r="D1257">
        <v>164.90159999999997</v>
      </c>
    </row>
    <row r="1258" spans="1:4" x14ac:dyDescent="0.25">
      <c r="A1258" s="1">
        <v>41851</v>
      </c>
      <c r="B1258" s="2">
        <v>0.39347222222222222</v>
      </c>
      <c r="C1258">
        <v>82.517399999999995</v>
      </c>
      <c r="D1258">
        <v>165.03479999999999</v>
      </c>
    </row>
    <row r="1259" spans="1:4" x14ac:dyDescent="0.25">
      <c r="A1259" s="1">
        <v>41851</v>
      </c>
      <c r="B1259" s="2">
        <v>0.4210416666666667</v>
      </c>
      <c r="C1259">
        <v>82.584000000000003</v>
      </c>
      <c r="D1259">
        <v>165.16800000000001</v>
      </c>
    </row>
    <row r="1260" spans="1:4" x14ac:dyDescent="0.25">
      <c r="A1260" s="1">
        <v>41851</v>
      </c>
      <c r="B1260" s="2">
        <v>0.44856481481481486</v>
      </c>
      <c r="C1260">
        <v>82.650599999999997</v>
      </c>
      <c r="D1260">
        <v>165.30119999999999</v>
      </c>
    </row>
    <row r="1261" spans="1:4" x14ac:dyDescent="0.25">
      <c r="A1261" s="1">
        <v>41851</v>
      </c>
      <c r="B1261" s="2">
        <v>0.47795138888888888</v>
      </c>
      <c r="C1261">
        <v>82.717199999999991</v>
      </c>
      <c r="D1261">
        <v>165.43439999999998</v>
      </c>
    </row>
    <row r="1262" spans="1:4" x14ac:dyDescent="0.25">
      <c r="A1262" s="1">
        <v>41851</v>
      </c>
      <c r="B1262" s="2">
        <v>0.50733796296296296</v>
      </c>
      <c r="C1262">
        <v>82.783799999999985</v>
      </c>
      <c r="D1262">
        <v>165.56759999999997</v>
      </c>
    </row>
    <row r="1263" spans="1:4" x14ac:dyDescent="0.25">
      <c r="A1263" s="1">
        <v>41851</v>
      </c>
      <c r="B1263" s="2">
        <v>0.53945601851851854</v>
      </c>
      <c r="C1263">
        <v>82.850399999999993</v>
      </c>
      <c r="D1263">
        <v>165.70079999999999</v>
      </c>
    </row>
    <row r="1264" spans="1:4" x14ac:dyDescent="0.25">
      <c r="A1264" s="1">
        <v>41851</v>
      </c>
      <c r="B1264" s="2">
        <v>0.57232638888888887</v>
      </c>
      <c r="C1264">
        <v>82.917000000000002</v>
      </c>
      <c r="D1264">
        <v>165.834</v>
      </c>
    </row>
    <row r="1265" spans="1:4" x14ac:dyDescent="0.25">
      <c r="A1265" s="1">
        <v>41851</v>
      </c>
      <c r="B1265" s="2">
        <v>0.60783564814814817</v>
      </c>
      <c r="C1265">
        <v>82.983599999999996</v>
      </c>
      <c r="D1265">
        <v>165.96719999999999</v>
      </c>
    </row>
    <row r="1266" spans="1:4" x14ac:dyDescent="0.25">
      <c r="A1266" s="1">
        <v>41851</v>
      </c>
      <c r="B1266" s="2">
        <v>0.64333333333333331</v>
      </c>
      <c r="C1266">
        <v>83.050200000000004</v>
      </c>
      <c r="D1266">
        <v>166.10040000000001</v>
      </c>
    </row>
    <row r="1267" spans="1:4" x14ac:dyDescent="0.25">
      <c r="A1267" s="1">
        <v>41851</v>
      </c>
      <c r="B1267" s="2">
        <v>0.68111111111111111</v>
      </c>
      <c r="C1267">
        <v>83.116799999999984</v>
      </c>
      <c r="D1267">
        <v>166.23359999999997</v>
      </c>
    </row>
    <row r="1268" spans="1:4" x14ac:dyDescent="0.25">
      <c r="A1268" s="1">
        <v>41851</v>
      </c>
      <c r="B1268" s="2">
        <v>0.71949074074074071</v>
      </c>
      <c r="C1268">
        <v>83.183399999999992</v>
      </c>
      <c r="D1268">
        <v>166.36679999999998</v>
      </c>
    </row>
    <row r="1269" spans="1:4" x14ac:dyDescent="0.25">
      <c r="A1269" s="1">
        <v>41851</v>
      </c>
      <c r="B1269" s="2">
        <v>0.76064814814814818</v>
      </c>
      <c r="C1269">
        <v>83.25</v>
      </c>
      <c r="D1269">
        <v>166.5</v>
      </c>
    </row>
    <row r="1270" spans="1:4" x14ac:dyDescent="0.25">
      <c r="A1270" s="1">
        <v>41851</v>
      </c>
      <c r="B1270" s="2">
        <v>0.80188657407407404</v>
      </c>
      <c r="C1270">
        <v>83.316599999999994</v>
      </c>
      <c r="D1270">
        <v>166.63319999999999</v>
      </c>
    </row>
    <row r="1271" spans="1:4" x14ac:dyDescent="0.25">
      <c r="A1271" s="1">
        <v>41851</v>
      </c>
      <c r="B1271" s="2">
        <v>0.8458796296296297</v>
      </c>
      <c r="C1271">
        <v>83.383200000000002</v>
      </c>
      <c r="D1271">
        <v>166.7664</v>
      </c>
    </row>
    <row r="1272" spans="1:4" x14ac:dyDescent="0.25">
      <c r="A1272" s="1">
        <v>41851</v>
      </c>
      <c r="B1272" s="2">
        <v>0.89021990740740742</v>
      </c>
      <c r="C1272">
        <v>83.449799999999982</v>
      </c>
      <c r="D1272">
        <v>166.89959999999996</v>
      </c>
    </row>
    <row r="1273" spans="1:4" x14ac:dyDescent="0.25">
      <c r="A1273" s="1">
        <v>41851</v>
      </c>
      <c r="B1273" s="2">
        <v>0.93737268518518524</v>
      </c>
      <c r="C1273">
        <v>83.51639999999999</v>
      </c>
      <c r="D1273">
        <v>167.03279999999998</v>
      </c>
    </row>
    <row r="1274" spans="1:4" x14ac:dyDescent="0.25">
      <c r="A1274" s="1">
        <v>41851</v>
      </c>
      <c r="B1274" s="2">
        <v>0.98504629629629636</v>
      </c>
      <c r="C1274">
        <v>83.582999999999998</v>
      </c>
      <c r="D1274">
        <v>167.166</v>
      </c>
    </row>
    <row r="1275" spans="1:4" x14ac:dyDescent="0.25">
      <c r="A1275" s="1">
        <v>41852</v>
      </c>
      <c r="B1275" s="2">
        <v>3.6076388888888887E-2</v>
      </c>
      <c r="C1275">
        <v>83.649599999999992</v>
      </c>
      <c r="D1275">
        <v>167.29919999999998</v>
      </c>
    </row>
    <row r="1276" spans="1:4" x14ac:dyDescent="0.25">
      <c r="A1276" s="1">
        <v>41852</v>
      </c>
      <c r="B1276" s="2">
        <v>8.5891203703703692E-2</v>
      </c>
      <c r="C1276">
        <v>83.716200000000001</v>
      </c>
      <c r="D1276">
        <v>167.4324</v>
      </c>
    </row>
    <row r="1277" spans="1:4" x14ac:dyDescent="0.25">
      <c r="A1277" s="1">
        <v>41852</v>
      </c>
      <c r="B1277" s="2">
        <v>0.13899305555555555</v>
      </c>
      <c r="C1277">
        <v>83.782799999999995</v>
      </c>
      <c r="D1277">
        <v>167.56559999999999</v>
      </c>
    </row>
    <row r="1278" spans="1:4" x14ac:dyDescent="0.25">
      <c r="A1278" s="1">
        <v>41852</v>
      </c>
      <c r="B1278" s="2">
        <v>0.19188657407407406</v>
      </c>
      <c r="C1278">
        <v>83.849399999999989</v>
      </c>
      <c r="D1278">
        <v>167.69879999999998</v>
      </c>
    </row>
    <row r="1279" spans="1:4" x14ac:dyDescent="0.25">
      <c r="A1279" s="1">
        <v>41852</v>
      </c>
      <c r="B1279" s="2">
        <v>0.2486689814814815</v>
      </c>
      <c r="C1279">
        <v>83.915999999999997</v>
      </c>
      <c r="D1279">
        <v>167.83199999999999</v>
      </c>
    </row>
    <row r="1280" spans="1:4" x14ac:dyDescent="0.25">
      <c r="A1280" s="1">
        <v>41852</v>
      </c>
      <c r="B1280" s="2">
        <v>0.30593750000000003</v>
      </c>
      <c r="C1280">
        <v>83.982599999999991</v>
      </c>
      <c r="D1280">
        <v>167.96519999999998</v>
      </c>
    </row>
    <row r="1281" spans="1:4" x14ac:dyDescent="0.25">
      <c r="A1281" s="1">
        <v>41852</v>
      </c>
      <c r="B1281" s="2">
        <v>0.36825231481481485</v>
      </c>
      <c r="C1281">
        <v>84.049199999999999</v>
      </c>
      <c r="D1281">
        <v>168.0984</v>
      </c>
    </row>
    <row r="1282" spans="1:4" x14ac:dyDescent="0.25">
      <c r="A1282" s="1">
        <v>41852</v>
      </c>
      <c r="B1282" s="2">
        <v>0.42996527777777777</v>
      </c>
      <c r="C1282">
        <v>84.115799999999993</v>
      </c>
      <c r="D1282">
        <v>168.23159999999999</v>
      </c>
    </row>
    <row r="1283" spans="1:4" x14ac:dyDescent="0.25">
      <c r="A1283" s="1">
        <v>41852</v>
      </c>
      <c r="B1283" s="2">
        <v>0.49497685185185186</v>
      </c>
      <c r="C1283">
        <v>84.182400000000001</v>
      </c>
      <c r="D1283">
        <v>168.3648</v>
      </c>
    </row>
    <row r="1284" spans="1:4" x14ac:dyDescent="0.25">
      <c r="A1284" s="1">
        <v>41852</v>
      </c>
      <c r="B1284" s="2">
        <v>0.56140046296296298</v>
      </c>
      <c r="C1284">
        <v>84.248999999999995</v>
      </c>
      <c r="D1284">
        <v>168.49799999999999</v>
      </c>
    </row>
    <row r="1285" spans="1:4" x14ac:dyDescent="0.25">
      <c r="A1285" s="1">
        <v>41852</v>
      </c>
      <c r="B1285" s="2">
        <v>0.63369212962962962</v>
      </c>
      <c r="C1285">
        <v>84.315599999999989</v>
      </c>
      <c r="D1285">
        <v>168.63119999999998</v>
      </c>
    </row>
    <row r="1286" spans="1:4" x14ac:dyDescent="0.25">
      <c r="A1286" s="1">
        <v>41852</v>
      </c>
      <c r="B1286" s="2">
        <v>0.7090277777777777</v>
      </c>
      <c r="C1286">
        <v>84.382199999999997</v>
      </c>
      <c r="D1286">
        <v>168.76439999999999</v>
      </c>
    </row>
    <row r="1287" spans="1:4" x14ac:dyDescent="0.25">
      <c r="A1287" s="1">
        <v>41852</v>
      </c>
      <c r="B1287" s="2">
        <v>0.79249999999999998</v>
      </c>
      <c r="C1287">
        <v>84.448799999999991</v>
      </c>
      <c r="D1287">
        <v>168.89759999999998</v>
      </c>
    </row>
    <row r="1288" spans="1:4" x14ac:dyDescent="0.25">
      <c r="A1288" s="1">
        <v>41852</v>
      </c>
      <c r="B1288" s="2">
        <v>0.87907407407407412</v>
      </c>
      <c r="C1288">
        <v>84.5154</v>
      </c>
      <c r="D1288">
        <v>169.0308</v>
      </c>
    </row>
    <row r="1289" spans="1:4" x14ac:dyDescent="0.25">
      <c r="A1289" s="1">
        <v>41852</v>
      </c>
      <c r="B1289" s="2">
        <v>0.9747337962962962</v>
      </c>
      <c r="C1289">
        <v>84.581999999999994</v>
      </c>
      <c r="D1289">
        <v>169.16399999999999</v>
      </c>
    </row>
    <row r="1290" spans="1:4" x14ac:dyDescent="0.25">
      <c r="A1290" s="1">
        <v>41853</v>
      </c>
      <c r="B1290" s="2">
        <v>6.7581018518518512E-2</v>
      </c>
      <c r="C1290">
        <v>84.648599999999988</v>
      </c>
      <c r="D1290">
        <v>169.29719999999998</v>
      </c>
    </row>
    <row r="1291" spans="1:4" x14ac:dyDescent="0.25">
      <c r="A1291" s="1">
        <v>41853</v>
      </c>
      <c r="B1291" s="2">
        <v>0.1693402777777778</v>
      </c>
      <c r="C1291">
        <v>84.715199999999996</v>
      </c>
      <c r="D1291">
        <v>169.43039999999999</v>
      </c>
    </row>
    <row r="1292" spans="1:4" x14ac:dyDescent="0.25">
      <c r="A1292" s="1">
        <v>41853</v>
      </c>
      <c r="B1292" s="2">
        <v>0.26917824074074076</v>
      </c>
      <c r="C1292">
        <v>84.78179999999999</v>
      </c>
      <c r="D1292">
        <v>169.56359999999998</v>
      </c>
    </row>
    <row r="1293" spans="1:4" x14ac:dyDescent="0.25">
      <c r="A1293" s="1">
        <v>41853</v>
      </c>
      <c r="B1293" s="2">
        <v>0.37898148148148153</v>
      </c>
      <c r="C1293">
        <v>84.848399999999998</v>
      </c>
      <c r="D1293">
        <v>169.6968</v>
      </c>
    </row>
    <row r="1294" spans="1:4" x14ac:dyDescent="0.25">
      <c r="A1294" s="1">
        <v>41853</v>
      </c>
      <c r="B1294" s="2">
        <v>0.48771990740740739</v>
      </c>
      <c r="C1294">
        <v>84.915000000000006</v>
      </c>
      <c r="D1294">
        <v>169.83</v>
      </c>
    </row>
    <row r="1295" spans="1:4" x14ac:dyDescent="0.25">
      <c r="A1295" s="1">
        <v>41853</v>
      </c>
      <c r="B1295" s="2">
        <v>0.60035879629629629</v>
      </c>
      <c r="C1295">
        <v>84.981599999999986</v>
      </c>
      <c r="D1295">
        <v>169.96319999999997</v>
      </c>
    </row>
    <row r="1296" spans="1:4" x14ac:dyDescent="0.25">
      <c r="A1296" s="1">
        <v>41853</v>
      </c>
      <c r="B1296" s="2">
        <v>0.72390046296296295</v>
      </c>
      <c r="C1296">
        <v>85.048199999999994</v>
      </c>
      <c r="D1296">
        <v>170.09639999999999</v>
      </c>
    </row>
    <row r="1297" spans="1:4" x14ac:dyDescent="0.25">
      <c r="A1297" s="1">
        <v>41853</v>
      </c>
      <c r="B1297" s="2">
        <v>0.85659722222222223</v>
      </c>
      <c r="C1297">
        <v>85.114799999999988</v>
      </c>
      <c r="D1297">
        <v>170.22959999999998</v>
      </c>
    </row>
    <row r="1298" spans="1:4" x14ac:dyDescent="0.25">
      <c r="A1298" s="1">
        <v>41853</v>
      </c>
      <c r="B1298" s="2">
        <v>0.99723379629629638</v>
      </c>
      <c r="C1298">
        <v>85.181399999999996</v>
      </c>
      <c r="D1298">
        <v>170.36279999999999</v>
      </c>
    </row>
    <row r="1299" spans="1:4" x14ac:dyDescent="0.25">
      <c r="A1299" s="1">
        <v>41854</v>
      </c>
      <c r="B1299" s="2">
        <v>0.15119212962962963</v>
      </c>
      <c r="C1299">
        <v>85.248000000000005</v>
      </c>
      <c r="D1299">
        <v>170.49600000000001</v>
      </c>
    </row>
    <row r="1300" spans="1:4" x14ac:dyDescent="0.25">
      <c r="A1300" s="1">
        <v>41854</v>
      </c>
      <c r="B1300" s="2">
        <v>0.31215277777777778</v>
      </c>
      <c r="C1300">
        <v>85.314599999999984</v>
      </c>
      <c r="D1300">
        <v>170.62919999999997</v>
      </c>
    </row>
    <row r="1301" spans="1:4" x14ac:dyDescent="0.25">
      <c r="A1301" s="1">
        <v>41854</v>
      </c>
      <c r="B1301" s="2">
        <v>0.47535879629629635</v>
      </c>
      <c r="C1301">
        <v>85.381199999999993</v>
      </c>
      <c r="D1301">
        <v>170.76239999999999</v>
      </c>
    </row>
    <row r="1302" spans="1:4" x14ac:dyDescent="0.25">
      <c r="A1302" s="1">
        <v>41854</v>
      </c>
      <c r="B1302" s="2">
        <v>0.64537037037037037</v>
      </c>
      <c r="C1302">
        <v>85.447799999999987</v>
      </c>
      <c r="D1302">
        <v>170.89559999999997</v>
      </c>
    </row>
    <row r="1303" spans="1:4" x14ac:dyDescent="0.25">
      <c r="A1303" s="1">
        <v>41854</v>
      </c>
      <c r="B1303" s="2">
        <v>0.83870370370370362</v>
      </c>
      <c r="C1303">
        <v>85.514399999999995</v>
      </c>
      <c r="D1303">
        <v>171.02879999999999</v>
      </c>
    </row>
    <row r="1304" spans="1:4" x14ac:dyDescent="0.25">
      <c r="A1304" s="1">
        <v>41855</v>
      </c>
      <c r="B1304" s="2">
        <v>6.190972222222222E-2</v>
      </c>
      <c r="C1304">
        <v>85.580999999999989</v>
      </c>
      <c r="D1304">
        <v>171.16199999999998</v>
      </c>
    </row>
    <row r="1305" spans="1:4" x14ac:dyDescent="0.25">
      <c r="A1305" s="1">
        <v>41855</v>
      </c>
      <c r="B1305" s="2">
        <v>0.34335648148148151</v>
      </c>
      <c r="C1305">
        <v>85.647599999999997</v>
      </c>
      <c r="D1305">
        <v>171.29519999999999</v>
      </c>
    </row>
    <row r="1306" spans="1:4" x14ac:dyDescent="0.25">
      <c r="A1306" s="1">
        <v>41855</v>
      </c>
      <c r="B1306" s="2">
        <v>0.59523148148148153</v>
      </c>
      <c r="C1306">
        <v>85.714199999999991</v>
      </c>
      <c r="D1306">
        <v>171.42839999999998</v>
      </c>
    </row>
    <row r="1307" spans="1:4" x14ac:dyDescent="0.25">
      <c r="A1307" s="1">
        <v>41855</v>
      </c>
      <c r="B1307" s="2">
        <v>0.87943287037037043</v>
      </c>
      <c r="C1307">
        <v>85.780799999999985</v>
      </c>
      <c r="D1307">
        <v>171.56159999999997</v>
      </c>
    </row>
    <row r="1308" spans="1:4" x14ac:dyDescent="0.25">
      <c r="A1308" s="1">
        <v>41856</v>
      </c>
      <c r="B1308" s="2">
        <v>0.10523148148148148</v>
      </c>
      <c r="C1308">
        <v>85.847399999999993</v>
      </c>
      <c r="D1308">
        <v>171.69479999999999</v>
      </c>
    </row>
    <row r="1309" spans="1:4" x14ac:dyDescent="0.25">
      <c r="A1309" s="1">
        <v>41856</v>
      </c>
      <c r="B1309" s="2">
        <v>0.10550925925925926</v>
      </c>
      <c r="C1309">
        <v>85.913999999999987</v>
      </c>
      <c r="D1309">
        <v>171.82799999999997</v>
      </c>
    </row>
    <row r="1310" spans="1:4" x14ac:dyDescent="0.25">
      <c r="A1310" s="1">
        <v>41856</v>
      </c>
      <c r="B1310" s="2">
        <v>0.10567129629629629</v>
      </c>
      <c r="C1310">
        <v>85.980599999999995</v>
      </c>
      <c r="D1310">
        <v>171.96119999999999</v>
      </c>
    </row>
    <row r="1311" spans="1:4" x14ac:dyDescent="0.25">
      <c r="A1311" s="1">
        <v>41856</v>
      </c>
      <c r="B1311" s="2">
        <v>0.10583333333333333</v>
      </c>
      <c r="C1311">
        <v>86.047200000000004</v>
      </c>
      <c r="D1311">
        <v>172.09440000000001</v>
      </c>
    </row>
    <row r="1312" spans="1:4" x14ac:dyDescent="0.25">
      <c r="A1312" s="1">
        <v>41856</v>
      </c>
      <c r="B1312" s="2">
        <v>0.10600694444444443</v>
      </c>
      <c r="C1312">
        <v>86.113799999999983</v>
      </c>
      <c r="D1312">
        <v>172.22759999999997</v>
      </c>
    </row>
    <row r="1313" spans="1:4" x14ac:dyDescent="0.25">
      <c r="A1313" s="1">
        <v>41856</v>
      </c>
      <c r="B1313" s="2">
        <v>0.10618055555555556</v>
      </c>
      <c r="C1313">
        <v>86.180399999999992</v>
      </c>
      <c r="D1313">
        <v>172.36079999999998</v>
      </c>
    </row>
    <row r="1314" spans="1:4" x14ac:dyDescent="0.25">
      <c r="A1314" s="1">
        <v>41856</v>
      </c>
      <c r="B1314" s="2">
        <v>0.10635416666666668</v>
      </c>
      <c r="C1314">
        <v>86.246999999999986</v>
      </c>
      <c r="D1314">
        <v>172.49399999999997</v>
      </c>
    </row>
    <row r="1315" spans="1:4" x14ac:dyDescent="0.25">
      <c r="A1315" s="1">
        <v>41856</v>
      </c>
      <c r="B1315" s="2">
        <v>0.10653935185185186</v>
      </c>
      <c r="C1315">
        <v>86.313599999999994</v>
      </c>
      <c r="D1315">
        <v>172.62719999999999</v>
      </c>
    </row>
    <row r="1316" spans="1:4" x14ac:dyDescent="0.25">
      <c r="A1316" s="1">
        <v>41856</v>
      </c>
      <c r="B1316" s="2">
        <v>0.10672453703703703</v>
      </c>
      <c r="C1316">
        <v>86.380200000000002</v>
      </c>
      <c r="D1316">
        <v>172.7604</v>
      </c>
    </row>
    <row r="1317" spans="1:4" x14ac:dyDescent="0.25">
      <c r="A1317" s="1">
        <v>41856</v>
      </c>
      <c r="B1317" s="2">
        <v>0.10690972222222223</v>
      </c>
      <c r="C1317">
        <v>86.446799999999982</v>
      </c>
      <c r="D1317">
        <v>172.89359999999996</v>
      </c>
    </row>
    <row r="1318" spans="1:4" x14ac:dyDescent="0.25">
      <c r="A1318" s="1">
        <v>41856</v>
      </c>
      <c r="B1318" s="2">
        <v>0.10710648148148148</v>
      </c>
      <c r="C1318">
        <v>86.51339999999999</v>
      </c>
      <c r="D1318">
        <v>173.02679999999998</v>
      </c>
    </row>
    <row r="1319" spans="1:4" x14ac:dyDescent="0.25">
      <c r="A1319" s="1">
        <v>41856</v>
      </c>
      <c r="B1319" s="2">
        <v>0.10730324074074075</v>
      </c>
      <c r="C1319">
        <v>86.579999999999984</v>
      </c>
      <c r="D1319">
        <v>173.15999999999997</v>
      </c>
    </row>
    <row r="1320" spans="1:4" x14ac:dyDescent="0.25">
      <c r="A1320" s="1">
        <v>41856</v>
      </c>
      <c r="B1320" s="2">
        <v>0.1075</v>
      </c>
      <c r="C1320">
        <v>86.646599999999992</v>
      </c>
      <c r="D1320">
        <v>173.29319999999998</v>
      </c>
    </row>
    <row r="1321" spans="1:4" x14ac:dyDescent="0.25">
      <c r="A1321" s="1">
        <v>41856</v>
      </c>
      <c r="B1321" s="2">
        <v>0.10769675925925926</v>
      </c>
      <c r="C1321">
        <v>86.713200000000001</v>
      </c>
      <c r="D1321">
        <v>173.4264</v>
      </c>
    </row>
    <row r="1322" spans="1:4" x14ac:dyDescent="0.25">
      <c r="A1322" s="1">
        <v>41856</v>
      </c>
      <c r="B1322" s="2">
        <v>0.10790509259259258</v>
      </c>
      <c r="C1322">
        <v>86.779799999999994</v>
      </c>
      <c r="D1322">
        <v>173.55959999999999</v>
      </c>
    </row>
    <row r="1323" spans="1:4" x14ac:dyDescent="0.25">
      <c r="A1323" s="1">
        <v>41856</v>
      </c>
      <c r="B1323" s="2">
        <v>0.10810185185185185</v>
      </c>
      <c r="C1323">
        <v>86.846399999999988</v>
      </c>
      <c r="D1323">
        <v>173.69279999999998</v>
      </c>
    </row>
    <row r="1324" spans="1:4" x14ac:dyDescent="0.25">
      <c r="A1324" s="1">
        <v>41856</v>
      </c>
      <c r="B1324" s="2">
        <v>0.10831018518518519</v>
      </c>
      <c r="C1324">
        <v>86.912999999999982</v>
      </c>
      <c r="D1324">
        <v>173.82599999999996</v>
      </c>
    </row>
    <row r="1325" spans="1:4" x14ac:dyDescent="0.25">
      <c r="A1325" s="1">
        <v>41856</v>
      </c>
      <c r="B1325" s="2">
        <v>0.10851851851851851</v>
      </c>
      <c r="C1325">
        <v>86.979599999999991</v>
      </c>
      <c r="D1325">
        <v>173.95919999999998</v>
      </c>
    </row>
    <row r="1326" spans="1:4" x14ac:dyDescent="0.25">
      <c r="A1326" s="1">
        <v>41856</v>
      </c>
      <c r="B1326" s="2">
        <v>0.10872685185185187</v>
      </c>
      <c r="C1326">
        <v>87.046199999999999</v>
      </c>
      <c r="D1326">
        <v>174.0924</v>
      </c>
    </row>
    <row r="1327" spans="1:4" x14ac:dyDescent="0.25">
      <c r="A1327" s="1">
        <v>41856</v>
      </c>
      <c r="B1327" s="2">
        <v>0.10893518518518519</v>
      </c>
      <c r="C1327">
        <v>87.112799999999993</v>
      </c>
      <c r="D1327">
        <v>174.22559999999999</v>
      </c>
    </row>
    <row r="1328" spans="1:4" x14ac:dyDescent="0.25">
      <c r="A1328" s="1">
        <v>41856</v>
      </c>
      <c r="B1328" s="2">
        <v>0.10914351851851851</v>
      </c>
      <c r="C1328">
        <v>87.179400000000001</v>
      </c>
      <c r="D1328">
        <v>174.3588</v>
      </c>
    </row>
    <row r="1329" spans="1:4" x14ac:dyDescent="0.25">
      <c r="A1329" s="1">
        <v>41856</v>
      </c>
      <c r="B1329" s="2">
        <v>0.10936342592592592</v>
      </c>
      <c r="C1329">
        <v>87.245999999999981</v>
      </c>
      <c r="D1329">
        <v>174.49199999999996</v>
      </c>
    </row>
    <row r="1330" spans="1:4" x14ac:dyDescent="0.25">
      <c r="A1330" s="1">
        <v>41856</v>
      </c>
      <c r="B1330" s="2">
        <v>0.10957175925925926</v>
      </c>
      <c r="C1330">
        <v>87.312599999999989</v>
      </c>
      <c r="D1330">
        <v>174.62519999999998</v>
      </c>
    </row>
    <row r="1331" spans="1:4" x14ac:dyDescent="0.25">
      <c r="A1331" s="1">
        <v>41856</v>
      </c>
      <c r="B1331" s="2">
        <v>0.10979166666666666</v>
      </c>
      <c r="C1331">
        <v>87.379199999999997</v>
      </c>
      <c r="D1331">
        <v>174.75839999999999</v>
      </c>
    </row>
    <row r="1332" spans="1:4" x14ac:dyDescent="0.25">
      <c r="A1332" s="1">
        <v>41856</v>
      </c>
      <c r="B1332" s="2">
        <v>0.11001157407407407</v>
      </c>
      <c r="C1332">
        <v>87.445799999999991</v>
      </c>
      <c r="D1332">
        <v>174.89159999999998</v>
      </c>
    </row>
    <row r="1333" spans="1:4" x14ac:dyDescent="0.25">
      <c r="A1333" s="1">
        <v>41856</v>
      </c>
      <c r="B1333" s="2">
        <v>0.11024305555555557</v>
      </c>
      <c r="C1333">
        <v>87.5124</v>
      </c>
      <c r="D1333">
        <v>175.0248</v>
      </c>
    </row>
    <row r="1334" spans="1:4" x14ac:dyDescent="0.25">
      <c r="A1334" s="1">
        <v>41856</v>
      </c>
      <c r="B1334" s="2">
        <v>0.11047453703703704</v>
      </c>
      <c r="C1334">
        <v>87.578999999999979</v>
      </c>
      <c r="D1334">
        <v>175.15799999999996</v>
      </c>
    </row>
    <row r="1335" spans="1:4" x14ac:dyDescent="0.25">
      <c r="A1335" s="1">
        <v>41856</v>
      </c>
      <c r="B1335" s="2">
        <v>0.11071759259259258</v>
      </c>
      <c r="C1335">
        <v>87.645599999999988</v>
      </c>
      <c r="D1335">
        <v>175.29119999999998</v>
      </c>
    </row>
    <row r="1336" spans="1:4" x14ac:dyDescent="0.25">
      <c r="A1336" s="1">
        <v>41856</v>
      </c>
      <c r="B1336" s="2">
        <v>0.11096064814814814</v>
      </c>
      <c r="C1336">
        <v>87.712199999999996</v>
      </c>
      <c r="D1336">
        <v>175.42439999999999</v>
      </c>
    </row>
    <row r="1337" spans="1:4" x14ac:dyDescent="0.25">
      <c r="A1337" s="1">
        <v>41856</v>
      </c>
      <c r="B1337" s="2">
        <v>0.11120370370370369</v>
      </c>
      <c r="C1337">
        <v>87.77879999999999</v>
      </c>
      <c r="D1337">
        <v>175.55759999999998</v>
      </c>
    </row>
    <row r="1338" spans="1:4" x14ac:dyDescent="0.25">
      <c r="A1338" s="1">
        <v>41856</v>
      </c>
      <c r="B1338" s="2">
        <v>0.11145833333333333</v>
      </c>
      <c r="C1338">
        <v>87.845399999999998</v>
      </c>
      <c r="D1338">
        <v>175.6908</v>
      </c>
    </row>
    <row r="1339" spans="1:4" x14ac:dyDescent="0.25">
      <c r="A1339" s="1">
        <v>41856</v>
      </c>
      <c r="B1339" s="2">
        <v>0.11171296296296296</v>
      </c>
      <c r="C1339">
        <v>87.911999999999992</v>
      </c>
      <c r="D1339">
        <v>175.82399999999998</v>
      </c>
    </row>
    <row r="1340" spans="1:4" x14ac:dyDescent="0.25">
      <c r="A1340" s="1">
        <v>41856</v>
      </c>
      <c r="B1340" s="2">
        <v>0.11196759259259259</v>
      </c>
      <c r="C1340">
        <v>87.978599999999986</v>
      </c>
      <c r="D1340">
        <v>175.95719999999997</v>
      </c>
    </row>
    <row r="1341" spans="1:4" x14ac:dyDescent="0.25">
      <c r="A1341" s="1">
        <v>41856</v>
      </c>
      <c r="B1341" s="2">
        <v>0.1122337962962963</v>
      </c>
      <c r="C1341">
        <v>88.045199999999994</v>
      </c>
      <c r="D1341">
        <v>176.09039999999999</v>
      </c>
    </row>
    <row r="1342" spans="1:4" x14ac:dyDescent="0.25">
      <c r="A1342" s="1">
        <v>41856</v>
      </c>
      <c r="B1342" s="2">
        <v>0.1125</v>
      </c>
      <c r="C1342">
        <v>88.111799999999988</v>
      </c>
      <c r="D1342">
        <v>176.22359999999998</v>
      </c>
    </row>
    <row r="1343" spans="1:4" x14ac:dyDescent="0.25">
      <c r="A1343" s="1">
        <v>41856</v>
      </c>
      <c r="B1343" s="2">
        <v>0.11277777777777777</v>
      </c>
      <c r="C1343">
        <v>88.178399999999996</v>
      </c>
      <c r="D1343">
        <v>176.35679999999999</v>
      </c>
    </row>
    <row r="1344" spans="1:4" x14ac:dyDescent="0.25">
      <c r="A1344" s="1">
        <v>41856</v>
      </c>
      <c r="B1344" s="2">
        <v>0.11304398148148148</v>
      </c>
      <c r="C1344">
        <v>88.24499999999999</v>
      </c>
      <c r="D1344">
        <v>176.48999999999998</v>
      </c>
    </row>
    <row r="1345" spans="1:4" x14ac:dyDescent="0.25">
      <c r="A1345" s="1">
        <v>41856</v>
      </c>
      <c r="B1345" s="2">
        <v>0.11332175925925925</v>
      </c>
      <c r="C1345">
        <v>88.311599999999984</v>
      </c>
      <c r="D1345">
        <v>176.62319999999997</v>
      </c>
    </row>
    <row r="1346" spans="1:4" x14ac:dyDescent="0.25">
      <c r="A1346" s="1">
        <v>41856</v>
      </c>
      <c r="B1346" s="2">
        <v>0.11361111111111111</v>
      </c>
      <c r="C1346">
        <v>88.378199999999993</v>
      </c>
      <c r="D1346">
        <v>176.75639999999999</v>
      </c>
    </row>
    <row r="1347" spans="1:4" x14ac:dyDescent="0.25">
      <c r="A1347" s="1">
        <v>41856</v>
      </c>
      <c r="B1347" s="2">
        <v>0.11390046296296297</v>
      </c>
      <c r="C1347">
        <v>88.444799999999987</v>
      </c>
      <c r="D1347">
        <v>176.88959999999997</v>
      </c>
    </row>
    <row r="1348" spans="1:4" x14ac:dyDescent="0.25">
      <c r="A1348" s="1">
        <v>41856</v>
      </c>
      <c r="B1348" s="2">
        <v>0.11417824074074073</v>
      </c>
      <c r="C1348">
        <v>88.511399999999995</v>
      </c>
      <c r="D1348">
        <v>177.02279999999999</v>
      </c>
    </row>
    <row r="1349" spans="1:4" x14ac:dyDescent="0.25">
      <c r="A1349" s="1">
        <v>41856</v>
      </c>
      <c r="B1349" s="2">
        <v>0.11449074074074074</v>
      </c>
      <c r="C1349">
        <v>88.577999999999989</v>
      </c>
      <c r="D1349">
        <v>177.15599999999998</v>
      </c>
    </row>
    <row r="1350" spans="1:4" x14ac:dyDescent="0.25">
      <c r="A1350" s="1">
        <v>41856</v>
      </c>
      <c r="B1350" s="2">
        <v>0.11478009259259259</v>
      </c>
      <c r="C1350">
        <v>88.644599999999997</v>
      </c>
      <c r="D1350">
        <v>177.28919999999999</v>
      </c>
    </row>
    <row r="1351" spans="1:4" x14ac:dyDescent="0.25">
      <c r="A1351" s="1">
        <v>41856</v>
      </c>
      <c r="B1351" s="2">
        <v>0.11509259259259259</v>
      </c>
      <c r="C1351">
        <v>88.711199999999991</v>
      </c>
      <c r="D1351">
        <v>177.42239999999998</v>
      </c>
    </row>
    <row r="1352" spans="1:4" x14ac:dyDescent="0.25">
      <c r="A1352" s="1">
        <v>41856</v>
      </c>
      <c r="B1352" s="2">
        <v>0.11539351851851852</v>
      </c>
      <c r="C1352">
        <v>88.777799999999985</v>
      </c>
      <c r="D1352">
        <v>177.55559999999997</v>
      </c>
    </row>
    <row r="1353" spans="1:4" x14ac:dyDescent="0.25">
      <c r="A1353" s="1">
        <v>41856</v>
      </c>
      <c r="B1353" s="2">
        <v>0.11571759259259258</v>
      </c>
      <c r="C1353">
        <v>88.844399999999993</v>
      </c>
      <c r="D1353">
        <v>177.68879999999999</v>
      </c>
    </row>
    <row r="1354" spans="1:4" x14ac:dyDescent="0.25">
      <c r="A1354" s="1">
        <v>41856</v>
      </c>
      <c r="B1354" s="2">
        <v>0.1160300925925926</v>
      </c>
      <c r="C1354">
        <v>88.910999999999987</v>
      </c>
      <c r="D1354">
        <v>177.82199999999997</v>
      </c>
    </row>
    <row r="1355" spans="1:4" x14ac:dyDescent="0.25">
      <c r="A1355" s="1">
        <v>41856</v>
      </c>
      <c r="B1355" s="2">
        <v>0.11635416666666666</v>
      </c>
      <c r="C1355">
        <v>88.977599999999995</v>
      </c>
      <c r="D1355">
        <v>177.95519999999999</v>
      </c>
    </row>
    <row r="1356" spans="1:4" x14ac:dyDescent="0.25">
      <c r="A1356" s="1">
        <v>41856</v>
      </c>
      <c r="B1356" s="2">
        <v>0.11666666666666665</v>
      </c>
      <c r="C1356">
        <v>89.044200000000004</v>
      </c>
      <c r="D1356">
        <v>178.08840000000001</v>
      </c>
    </row>
    <row r="1357" spans="1:4" x14ac:dyDescent="0.25">
      <c r="A1357" s="1">
        <v>41856</v>
      </c>
      <c r="B1357" s="2">
        <v>0.11700231481481482</v>
      </c>
      <c r="C1357">
        <v>89.110799999999983</v>
      </c>
      <c r="D1357">
        <v>178.22159999999997</v>
      </c>
    </row>
    <row r="1358" spans="1:4" x14ac:dyDescent="0.25">
      <c r="A1358" s="1">
        <v>41856</v>
      </c>
      <c r="B1358" s="2">
        <v>0.11733796296296296</v>
      </c>
      <c r="C1358">
        <v>89.177399999999992</v>
      </c>
      <c r="D1358">
        <v>178.35479999999998</v>
      </c>
    </row>
    <row r="1359" spans="1:4" x14ac:dyDescent="0.25">
      <c r="A1359" s="1">
        <v>41856</v>
      </c>
      <c r="B1359" s="2">
        <v>0.11768518518518518</v>
      </c>
      <c r="C1359">
        <v>89.243999999999986</v>
      </c>
      <c r="D1359">
        <v>178.48799999999997</v>
      </c>
    </row>
    <row r="1360" spans="1:4" x14ac:dyDescent="0.25">
      <c r="A1360" s="1">
        <v>41856</v>
      </c>
      <c r="B1360" s="2">
        <v>0.11802083333333334</v>
      </c>
      <c r="C1360">
        <v>89.310599999999994</v>
      </c>
      <c r="D1360">
        <v>178.62119999999999</v>
      </c>
    </row>
    <row r="1361" spans="1:4" x14ac:dyDescent="0.25">
      <c r="A1361" s="1">
        <v>41856</v>
      </c>
      <c r="B1361" s="2">
        <v>0.11837962962962963</v>
      </c>
      <c r="C1361">
        <v>89.377200000000002</v>
      </c>
      <c r="D1361">
        <v>178.7544</v>
      </c>
    </row>
    <row r="1362" spans="1:4" x14ac:dyDescent="0.25">
      <c r="A1362" s="1">
        <v>41856</v>
      </c>
      <c r="B1362" s="2">
        <v>0.11872685185185185</v>
      </c>
      <c r="C1362">
        <v>89.443799999999982</v>
      </c>
      <c r="D1362">
        <v>178.88759999999996</v>
      </c>
    </row>
    <row r="1363" spans="1:4" x14ac:dyDescent="0.25">
      <c r="A1363" s="1">
        <v>41856</v>
      </c>
      <c r="B1363" s="2">
        <v>0.11909722222222223</v>
      </c>
      <c r="C1363">
        <v>89.51039999999999</v>
      </c>
      <c r="D1363">
        <v>179.02079999999998</v>
      </c>
    </row>
    <row r="1364" spans="1:4" x14ac:dyDescent="0.25">
      <c r="A1364" s="1">
        <v>41856</v>
      </c>
      <c r="B1364" s="2">
        <v>0.11945601851851852</v>
      </c>
      <c r="C1364">
        <v>89.576999999999984</v>
      </c>
      <c r="D1364">
        <v>179.15399999999997</v>
      </c>
    </row>
    <row r="1365" spans="1:4" x14ac:dyDescent="0.25">
      <c r="A1365" s="1">
        <v>41856</v>
      </c>
      <c r="B1365" s="2">
        <v>0.11984953703703705</v>
      </c>
      <c r="C1365">
        <v>89.643599999999992</v>
      </c>
      <c r="D1365">
        <v>179.28719999999998</v>
      </c>
    </row>
    <row r="1366" spans="1:4" x14ac:dyDescent="0.25">
      <c r="A1366" s="1">
        <v>41856</v>
      </c>
      <c r="B1366" s="2">
        <v>0.12023148148148148</v>
      </c>
      <c r="C1366">
        <v>89.7102</v>
      </c>
      <c r="D1366">
        <v>179.4204</v>
      </c>
    </row>
    <row r="1367" spans="1:4" x14ac:dyDescent="0.25">
      <c r="A1367" s="1">
        <v>41856</v>
      </c>
      <c r="B1367" s="2">
        <v>0.12063657407407408</v>
      </c>
      <c r="C1367">
        <v>89.776799999999994</v>
      </c>
      <c r="D1367">
        <v>179.55359999999999</v>
      </c>
    </row>
    <row r="1368" spans="1:4" x14ac:dyDescent="0.25">
      <c r="A1368" s="1">
        <v>41856</v>
      </c>
      <c r="B1368" s="2">
        <v>0.12103009259259261</v>
      </c>
      <c r="C1368">
        <v>89.843399999999988</v>
      </c>
      <c r="D1368">
        <v>179.68679999999998</v>
      </c>
    </row>
    <row r="1369" spans="1:4" x14ac:dyDescent="0.25">
      <c r="A1369" s="1">
        <v>41856</v>
      </c>
      <c r="B1369" s="2">
        <v>0.12144675925925925</v>
      </c>
      <c r="C1369">
        <v>89.909999999999982</v>
      </c>
      <c r="D1369">
        <v>179.81999999999996</v>
      </c>
    </row>
    <row r="1370" spans="1:4" x14ac:dyDescent="0.25">
      <c r="A1370" s="1">
        <v>41856</v>
      </c>
      <c r="B1370" s="2">
        <v>0.12186342592592592</v>
      </c>
      <c r="C1370">
        <v>89.976599999999991</v>
      </c>
      <c r="D1370">
        <v>179.95319999999998</v>
      </c>
    </row>
    <row r="1371" spans="1:4" x14ac:dyDescent="0.25">
      <c r="A1371" s="1">
        <v>41856</v>
      </c>
      <c r="B1371" s="2">
        <v>0.12230324074074074</v>
      </c>
      <c r="C1371">
        <v>90.043199999999999</v>
      </c>
      <c r="D1371">
        <v>180.0864</v>
      </c>
    </row>
    <row r="1372" spans="1:4" x14ac:dyDescent="0.25">
      <c r="A1372" s="1">
        <v>41856</v>
      </c>
      <c r="B1372" s="2">
        <v>0.12274305555555555</v>
      </c>
      <c r="C1372">
        <v>90.109799999999993</v>
      </c>
      <c r="D1372">
        <v>180.21959999999999</v>
      </c>
    </row>
    <row r="1373" spans="1:4" x14ac:dyDescent="0.25">
      <c r="A1373" s="1">
        <v>41856</v>
      </c>
      <c r="B1373" s="2">
        <v>0.12319444444444444</v>
      </c>
      <c r="C1373">
        <v>90.176400000000001</v>
      </c>
      <c r="D1373">
        <v>180.3528</v>
      </c>
    </row>
    <row r="1374" spans="1:4" x14ac:dyDescent="0.25">
      <c r="A1374" s="1">
        <v>41856</v>
      </c>
      <c r="B1374" s="2">
        <v>0.12364583333333333</v>
      </c>
      <c r="C1374">
        <v>90.242999999999981</v>
      </c>
      <c r="D1374">
        <v>180.48599999999996</v>
      </c>
    </row>
    <row r="1375" spans="1:4" x14ac:dyDescent="0.25">
      <c r="A1375" s="1">
        <v>41856</v>
      </c>
      <c r="B1375" s="2">
        <v>0.12412037037037038</v>
      </c>
      <c r="C1375">
        <v>90.309599999999989</v>
      </c>
      <c r="D1375">
        <v>180.61919999999998</v>
      </c>
    </row>
    <row r="1376" spans="1:4" x14ac:dyDescent="0.25">
      <c r="A1376" s="1">
        <v>41856</v>
      </c>
      <c r="B1376" s="2">
        <v>0.1245949074074074</v>
      </c>
      <c r="C1376">
        <v>90.376199999999997</v>
      </c>
      <c r="D1376">
        <v>180.75239999999999</v>
      </c>
    </row>
    <row r="1377" spans="1:4" x14ac:dyDescent="0.25">
      <c r="A1377" s="1">
        <v>41856</v>
      </c>
      <c r="B1377" s="2">
        <v>0.12509259259259259</v>
      </c>
      <c r="C1377">
        <v>90.442799999999991</v>
      </c>
      <c r="D1377">
        <v>180.88559999999998</v>
      </c>
    </row>
    <row r="1378" spans="1:4" x14ac:dyDescent="0.25">
      <c r="A1378" s="1">
        <v>41856</v>
      </c>
      <c r="B1378" s="2">
        <v>0.12557870370370369</v>
      </c>
      <c r="C1378">
        <v>90.509399999999999</v>
      </c>
      <c r="D1378">
        <v>181.0188</v>
      </c>
    </row>
    <row r="1379" spans="1:4" x14ac:dyDescent="0.25">
      <c r="A1379" s="1">
        <v>41856</v>
      </c>
      <c r="B1379" s="2">
        <v>0.12611111111111112</v>
      </c>
      <c r="C1379">
        <v>90.575999999999979</v>
      </c>
      <c r="D1379">
        <v>181.15199999999996</v>
      </c>
    </row>
    <row r="1380" spans="1:4" x14ac:dyDescent="0.25">
      <c r="A1380" s="1">
        <v>41856</v>
      </c>
      <c r="B1380" s="2">
        <v>0.12662037037037036</v>
      </c>
      <c r="C1380">
        <v>90.642599999999987</v>
      </c>
      <c r="D1380">
        <v>181.28519999999997</v>
      </c>
    </row>
    <row r="1381" spans="1:4" x14ac:dyDescent="0.25">
      <c r="A1381" s="1">
        <v>41856</v>
      </c>
      <c r="B1381" s="2">
        <v>0.12716435185185185</v>
      </c>
      <c r="C1381">
        <v>90.709199999999996</v>
      </c>
      <c r="D1381">
        <v>181.41839999999999</v>
      </c>
    </row>
    <row r="1382" spans="1:4" x14ac:dyDescent="0.25">
      <c r="A1382" s="1">
        <v>41856</v>
      </c>
      <c r="B1382" s="2">
        <v>0.12770833333333334</v>
      </c>
      <c r="C1382">
        <v>90.77579999999999</v>
      </c>
      <c r="D1382">
        <v>181.55159999999998</v>
      </c>
    </row>
    <row r="1383" spans="1:4" x14ac:dyDescent="0.25">
      <c r="A1383" s="1">
        <v>41856</v>
      </c>
      <c r="B1383" s="2">
        <v>0.12828703703703703</v>
      </c>
      <c r="C1383">
        <v>90.842399999999998</v>
      </c>
      <c r="D1383">
        <v>181.6848</v>
      </c>
    </row>
    <row r="1384" spans="1:4" x14ac:dyDescent="0.25">
      <c r="A1384" s="1">
        <v>41856</v>
      </c>
      <c r="B1384" s="2">
        <v>0.12885416666666666</v>
      </c>
      <c r="C1384">
        <v>90.908999999999992</v>
      </c>
      <c r="D1384">
        <v>181.81799999999998</v>
      </c>
    </row>
    <row r="1385" spans="1:4" x14ac:dyDescent="0.25">
      <c r="A1385" s="1">
        <v>41856</v>
      </c>
      <c r="B1385" s="2">
        <v>0.12945601851851851</v>
      </c>
      <c r="C1385">
        <v>90.975599999999986</v>
      </c>
      <c r="D1385">
        <v>181.95119999999997</v>
      </c>
    </row>
    <row r="1386" spans="1:4" x14ac:dyDescent="0.25">
      <c r="A1386" s="1">
        <v>41856</v>
      </c>
      <c r="B1386" s="2">
        <v>0.1300347222222222</v>
      </c>
      <c r="C1386">
        <v>91.042199999999994</v>
      </c>
      <c r="D1386">
        <v>182.08439999999999</v>
      </c>
    </row>
    <row r="1387" spans="1:4" x14ac:dyDescent="0.25">
      <c r="A1387" s="1">
        <v>41856</v>
      </c>
      <c r="B1387" s="2">
        <v>0.13065972222222222</v>
      </c>
      <c r="C1387">
        <v>91.108799999999988</v>
      </c>
      <c r="D1387">
        <v>182.21759999999998</v>
      </c>
    </row>
    <row r="1388" spans="1:4" x14ac:dyDescent="0.25">
      <c r="A1388" s="1">
        <v>41856</v>
      </c>
      <c r="B1388" s="2">
        <v>0.13127314814814814</v>
      </c>
      <c r="C1388">
        <v>91.175399999999996</v>
      </c>
      <c r="D1388">
        <v>182.35079999999999</v>
      </c>
    </row>
    <row r="1389" spans="1:4" x14ac:dyDescent="0.25">
      <c r="A1389" s="1">
        <v>41856</v>
      </c>
      <c r="B1389" s="2">
        <v>0.13192129629629631</v>
      </c>
      <c r="C1389">
        <v>91.24199999999999</v>
      </c>
      <c r="D1389">
        <v>182.48399999999998</v>
      </c>
    </row>
    <row r="1390" spans="1:4" x14ac:dyDescent="0.25">
      <c r="A1390" s="1">
        <v>41856</v>
      </c>
      <c r="B1390" s="2">
        <v>0.13255787037037037</v>
      </c>
      <c r="C1390">
        <v>91.308599999999984</v>
      </c>
      <c r="D1390">
        <v>182.61719999999997</v>
      </c>
    </row>
    <row r="1391" spans="1:4" x14ac:dyDescent="0.25">
      <c r="A1391" s="1">
        <v>41856</v>
      </c>
      <c r="B1391" s="2">
        <v>0.13324074074074074</v>
      </c>
      <c r="C1391">
        <v>91.375199999999992</v>
      </c>
      <c r="D1391">
        <v>182.75039999999998</v>
      </c>
    </row>
    <row r="1392" spans="1:4" x14ac:dyDescent="0.25">
      <c r="A1392" s="1">
        <v>41856</v>
      </c>
      <c r="B1392" s="2">
        <v>0.13390046296296296</v>
      </c>
      <c r="C1392">
        <v>91.441799999999986</v>
      </c>
      <c r="D1392">
        <v>182.88359999999997</v>
      </c>
    </row>
    <row r="1393" spans="1:4" x14ac:dyDescent="0.25">
      <c r="A1393" s="1">
        <v>41856</v>
      </c>
      <c r="B1393" s="2">
        <v>0.1345949074074074</v>
      </c>
      <c r="C1393">
        <v>91.508399999999995</v>
      </c>
      <c r="D1393">
        <v>183.01679999999999</v>
      </c>
    </row>
    <row r="1394" spans="1:4" x14ac:dyDescent="0.25">
      <c r="A1394" s="1">
        <v>41856</v>
      </c>
      <c r="B1394" s="2">
        <v>0.13524305555555555</v>
      </c>
      <c r="C1394">
        <v>91.574999999999989</v>
      </c>
      <c r="D1394">
        <v>183.14999999999998</v>
      </c>
    </row>
    <row r="1395" spans="1:4" x14ac:dyDescent="0.25">
      <c r="A1395" s="1">
        <v>41856</v>
      </c>
      <c r="B1395" s="2">
        <v>0.13593750000000002</v>
      </c>
      <c r="C1395">
        <v>91.641599999999997</v>
      </c>
      <c r="D1395">
        <v>183.28319999999999</v>
      </c>
    </row>
    <row r="1396" spans="1:4" x14ac:dyDescent="0.25">
      <c r="A1396" s="1">
        <v>41856</v>
      </c>
      <c r="B1396" s="2">
        <v>0.13657407407407407</v>
      </c>
      <c r="C1396">
        <v>91.708199999999991</v>
      </c>
      <c r="D1396">
        <v>183.41639999999998</v>
      </c>
    </row>
    <row r="1397" spans="1:4" x14ac:dyDescent="0.25">
      <c r="A1397" s="1">
        <v>41856</v>
      </c>
      <c r="B1397" s="2">
        <v>0.13723379629629631</v>
      </c>
      <c r="C1397">
        <v>91.774799999999985</v>
      </c>
      <c r="D1397">
        <v>183.54959999999997</v>
      </c>
    </row>
    <row r="1398" spans="1:4" x14ac:dyDescent="0.25">
      <c r="A1398" s="1">
        <v>41856</v>
      </c>
      <c r="B1398" s="2">
        <v>0.13787037037037037</v>
      </c>
      <c r="C1398">
        <v>91.841399999999993</v>
      </c>
      <c r="D1398">
        <v>183.68279999999999</v>
      </c>
    </row>
    <row r="1399" spans="1:4" x14ac:dyDescent="0.25">
      <c r="A1399" s="1">
        <v>41856</v>
      </c>
      <c r="B1399" s="2">
        <v>0.13849537037037038</v>
      </c>
      <c r="C1399">
        <v>91.907999999999987</v>
      </c>
      <c r="D1399">
        <v>183.81599999999997</v>
      </c>
    </row>
    <row r="1400" spans="1:4" x14ac:dyDescent="0.25">
      <c r="A1400" s="1">
        <v>41856</v>
      </c>
      <c r="B1400" s="2">
        <v>0.13907407407407407</v>
      </c>
      <c r="C1400">
        <v>91.974599999999995</v>
      </c>
      <c r="D1400">
        <v>183.94919999999999</v>
      </c>
    </row>
    <row r="1401" spans="1:4" x14ac:dyDescent="0.25">
      <c r="A1401" s="1">
        <v>41856</v>
      </c>
      <c r="B1401" s="2">
        <v>0.13966435185185186</v>
      </c>
      <c r="C1401">
        <v>92.041200000000003</v>
      </c>
      <c r="D1401">
        <v>184.08240000000001</v>
      </c>
    </row>
    <row r="1402" spans="1:4" x14ac:dyDescent="0.25">
      <c r="A1402" s="1">
        <v>41856</v>
      </c>
      <c r="B1402" s="2">
        <v>0.14019675925925926</v>
      </c>
      <c r="C1402">
        <v>92.107799999999983</v>
      </c>
      <c r="D1402">
        <v>184.21559999999997</v>
      </c>
    </row>
    <row r="1403" spans="1:4" x14ac:dyDescent="0.25">
      <c r="A1403" s="1">
        <v>41856</v>
      </c>
      <c r="B1403" s="2">
        <v>0.14071759259259259</v>
      </c>
      <c r="C1403">
        <v>92.174399999999991</v>
      </c>
      <c r="D1403">
        <v>184.34879999999998</v>
      </c>
    </row>
    <row r="1404" spans="1:4" x14ac:dyDescent="0.25">
      <c r="A1404" s="1">
        <v>41856</v>
      </c>
      <c r="B1404" s="2">
        <v>0.14120370370370369</v>
      </c>
      <c r="C1404">
        <v>92.240999999999985</v>
      </c>
      <c r="D1404">
        <v>184.48199999999997</v>
      </c>
    </row>
    <row r="1405" spans="1:4" x14ac:dyDescent="0.25">
      <c r="A1405" s="1">
        <v>41856</v>
      </c>
      <c r="B1405" s="2">
        <v>0.14168981481481482</v>
      </c>
      <c r="C1405">
        <v>92.307599999999994</v>
      </c>
      <c r="D1405">
        <v>184.61519999999999</v>
      </c>
    </row>
    <row r="1406" spans="1:4" x14ac:dyDescent="0.25">
      <c r="A1406" s="1">
        <v>41856</v>
      </c>
      <c r="B1406" s="2">
        <v>0.14212962962962963</v>
      </c>
      <c r="C1406">
        <v>92.374200000000002</v>
      </c>
      <c r="D1406">
        <v>184.7484</v>
      </c>
    </row>
    <row r="1407" spans="1:4" x14ac:dyDescent="0.25">
      <c r="A1407" s="1">
        <v>41856</v>
      </c>
      <c r="B1407" s="2">
        <v>0.14255787037037038</v>
      </c>
      <c r="C1407">
        <v>92.440799999999982</v>
      </c>
      <c r="D1407">
        <v>184.88159999999996</v>
      </c>
    </row>
    <row r="1408" spans="1:4" x14ac:dyDescent="0.25">
      <c r="A1408" s="1">
        <v>41856</v>
      </c>
      <c r="B1408" s="2">
        <v>0.14295138888888889</v>
      </c>
      <c r="C1408">
        <v>92.50739999999999</v>
      </c>
      <c r="D1408">
        <v>185.01479999999998</v>
      </c>
    </row>
    <row r="1409" spans="1:4" x14ac:dyDescent="0.25">
      <c r="A1409" s="1">
        <v>41856</v>
      </c>
      <c r="B1409" s="2">
        <v>0.14334490740740741</v>
      </c>
      <c r="C1409">
        <v>92.573999999999984</v>
      </c>
      <c r="D1409">
        <v>185.14799999999997</v>
      </c>
    </row>
    <row r="1410" spans="1:4" x14ac:dyDescent="0.25">
      <c r="A1410" s="1">
        <v>41856</v>
      </c>
      <c r="B1410" s="2">
        <v>0.14369212962962963</v>
      </c>
      <c r="C1410">
        <v>92.640599999999992</v>
      </c>
      <c r="D1410">
        <v>185.28119999999998</v>
      </c>
    </row>
    <row r="1411" spans="1:4" x14ac:dyDescent="0.25">
      <c r="A1411" s="1">
        <v>41856</v>
      </c>
      <c r="B1411" s="2">
        <v>0.14405092592592592</v>
      </c>
      <c r="C1411">
        <v>92.7072</v>
      </c>
      <c r="D1411">
        <v>185.4144</v>
      </c>
    </row>
    <row r="1412" spans="1:4" x14ac:dyDescent="0.25">
      <c r="A1412" s="1">
        <v>41856</v>
      </c>
      <c r="B1412" s="2">
        <v>0.144375</v>
      </c>
      <c r="C1412">
        <v>92.773799999999994</v>
      </c>
      <c r="D1412">
        <v>185.54759999999999</v>
      </c>
    </row>
    <row r="1413" spans="1:4" x14ac:dyDescent="0.25">
      <c r="A1413" s="1">
        <v>41856</v>
      </c>
      <c r="B1413" s="2">
        <v>0.14471064814814816</v>
      </c>
      <c r="C1413">
        <v>92.840399999999988</v>
      </c>
      <c r="D1413">
        <v>185.68079999999998</v>
      </c>
    </row>
    <row r="1414" spans="1:4" x14ac:dyDescent="0.25">
      <c r="A1414" s="1">
        <v>41856</v>
      </c>
      <c r="B1414" s="2">
        <v>0.14502314814814815</v>
      </c>
      <c r="C1414">
        <v>92.906999999999982</v>
      </c>
      <c r="D1414">
        <v>185.81399999999996</v>
      </c>
    </row>
    <row r="1415" spans="1:4" x14ac:dyDescent="0.25">
      <c r="A1415" s="1">
        <v>41856</v>
      </c>
      <c r="B1415" s="2">
        <v>0.14534722222222221</v>
      </c>
      <c r="C1415">
        <v>92.97359999999999</v>
      </c>
      <c r="D1415">
        <v>185.94719999999998</v>
      </c>
    </row>
    <row r="1416" spans="1:4" x14ac:dyDescent="0.25">
      <c r="A1416" s="1">
        <v>41856</v>
      </c>
      <c r="B1416" s="2">
        <v>0.1456712962962963</v>
      </c>
      <c r="C1416">
        <v>93.040199999999999</v>
      </c>
      <c r="D1416">
        <v>186.0804</v>
      </c>
    </row>
    <row r="1417" spans="1:4" x14ac:dyDescent="0.25">
      <c r="A1417" s="1">
        <v>41856</v>
      </c>
      <c r="B1417" s="2">
        <v>0.14598379629629629</v>
      </c>
      <c r="C1417">
        <v>93.106799999999993</v>
      </c>
      <c r="D1417">
        <v>186.21359999999999</v>
      </c>
    </row>
    <row r="1418" spans="1:4" x14ac:dyDescent="0.25">
      <c r="A1418" s="1">
        <v>41856</v>
      </c>
      <c r="B1418" s="2">
        <v>0.14628472222222222</v>
      </c>
      <c r="C1418">
        <v>93.173400000000001</v>
      </c>
      <c r="D1418">
        <v>186.3468</v>
      </c>
    </row>
    <row r="1419" spans="1:4" x14ac:dyDescent="0.25">
      <c r="A1419" s="1">
        <v>41856</v>
      </c>
      <c r="B1419" s="2">
        <v>0.14660879629629631</v>
      </c>
      <c r="C1419">
        <v>93.239999999999981</v>
      </c>
      <c r="D1419">
        <v>186.47999999999996</v>
      </c>
    </row>
    <row r="1420" spans="1:4" x14ac:dyDescent="0.25">
      <c r="A1420" s="1">
        <v>41856</v>
      </c>
      <c r="B1420" s="2">
        <v>0.1469212962962963</v>
      </c>
      <c r="C1420">
        <v>93.306599999999989</v>
      </c>
      <c r="D1420">
        <v>186.61319999999998</v>
      </c>
    </row>
    <row r="1421" spans="1:4" x14ac:dyDescent="0.25">
      <c r="A1421" s="1">
        <v>41856</v>
      </c>
      <c r="B1421" s="2">
        <v>0.14724537037037036</v>
      </c>
      <c r="C1421">
        <v>93.373199999999997</v>
      </c>
      <c r="D1421">
        <v>186.74639999999999</v>
      </c>
    </row>
    <row r="1422" spans="1:4" x14ac:dyDescent="0.25">
      <c r="A1422" s="1">
        <v>41856</v>
      </c>
      <c r="B1422" s="2">
        <v>0.14755787037037038</v>
      </c>
      <c r="C1422">
        <v>93.439799999999991</v>
      </c>
      <c r="D1422">
        <v>186.87959999999998</v>
      </c>
    </row>
    <row r="1423" spans="1:4" x14ac:dyDescent="0.25">
      <c r="A1423" s="1">
        <v>41856</v>
      </c>
      <c r="B1423" s="2">
        <v>0.14788194444444444</v>
      </c>
      <c r="C1423">
        <v>93.506399999999999</v>
      </c>
      <c r="D1423">
        <v>187.0128</v>
      </c>
    </row>
    <row r="1424" spans="1:4" x14ac:dyDescent="0.25">
      <c r="A1424" s="1">
        <v>41856</v>
      </c>
      <c r="B1424" s="2">
        <v>0.14820601851851853</v>
      </c>
      <c r="C1424">
        <v>93.572999999999979</v>
      </c>
      <c r="D1424">
        <v>187.14599999999996</v>
      </c>
    </row>
    <row r="1425" spans="1:4" x14ac:dyDescent="0.25">
      <c r="A1425" s="1">
        <v>41856</v>
      </c>
      <c r="B1425" s="2">
        <v>0.14854166666666666</v>
      </c>
      <c r="C1425">
        <v>93.639599999999987</v>
      </c>
      <c r="D1425">
        <v>187.27919999999997</v>
      </c>
    </row>
    <row r="1426" spans="1:4" x14ac:dyDescent="0.25">
      <c r="A1426" s="1">
        <v>41856</v>
      </c>
      <c r="B1426" s="2">
        <v>0.14886574074074074</v>
      </c>
      <c r="C1426">
        <v>93.706199999999995</v>
      </c>
      <c r="D1426">
        <v>187.41239999999999</v>
      </c>
    </row>
    <row r="1427" spans="1:4" x14ac:dyDescent="0.25">
      <c r="A1427" s="1">
        <v>41856</v>
      </c>
      <c r="B1427" s="2">
        <v>0.14922453703703703</v>
      </c>
      <c r="C1427">
        <v>93.772799999999989</v>
      </c>
      <c r="D1427">
        <v>187.54559999999998</v>
      </c>
    </row>
    <row r="1428" spans="1:4" x14ac:dyDescent="0.25">
      <c r="A1428" s="1">
        <v>41856</v>
      </c>
      <c r="B1428" s="2">
        <v>0.14956018518518518</v>
      </c>
      <c r="C1428">
        <v>93.839399999999998</v>
      </c>
      <c r="D1428">
        <v>187.6788</v>
      </c>
    </row>
    <row r="1429" spans="1:4" x14ac:dyDescent="0.25">
      <c r="A1429" s="1">
        <v>41856</v>
      </c>
      <c r="B1429" s="2">
        <v>0.1499189814814815</v>
      </c>
      <c r="C1429">
        <v>93.905999999999992</v>
      </c>
      <c r="D1429">
        <v>187.81199999999998</v>
      </c>
    </row>
    <row r="1430" spans="1:4" x14ac:dyDescent="0.25">
      <c r="A1430" s="1">
        <v>41856</v>
      </c>
      <c r="B1430" s="2">
        <v>0.15026620370370369</v>
      </c>
      <c r="C1430">
        <v>93.972599999999986</v>
      </c>
      <c r="D1430">
        <v>187.94519999999997</v>
      </c>
    </row>
    <row r="1431" spans="1:4" x14ac:dyDescent="0.25">
      <c r="A1431" s="1">
        <v>41856</v>
      </c>
      <c r="B1431" s="2">
        <v>0.15063657407407408</v>
      </c>
      <c r="C1431">
        <v>94.039199999999994</v>
      </c>
      <c r="D1431">
        <v>188.07839999999999</v>
      </c>
    </row>
    <row r="1432" spans="1:4" x14ac:dyDescent="0.25">
      <c r="A1432" s="1">
        <v>41856</v>
      </c>
      <c r="B1432" s="2">
        <v>0.15099537037037036</v>
      </c>
      <c r="C1432">
        <v>94.105799999999988</v>
      </c>
      <c r="D1432">
        <v>188.21159999999998</v>
      </c>
    </row>
    <row r="1433" spans="1:4" x14ac:dyDescent="0.25">
      <c r="A1433" s="1">
        <v>41856</v>
      </c>
      <c r="B1433" s="2">
        <v>0.15137731481481481</v>
      </c>
      <c r="C1433">
        <v>94.172399999999996</v>
      </c>
      <c r="D1433">
        <v>188.34479999999999</v>
      </c>
    </row>
    <row r="1434" spans="1:4" x14ac:dyDescent="0.25">
      <c r="A1434" s="1">
        <v>41856</v>
      </c>
      <c r="B1434" s="2">
        <v>0.15174768518518519</v>
      </c>
      <c r="C1434">
        <v>94.23899999999999</v>
      </c>
      <c r="D1434">
        <v>188.47799999999998</v>
      </c>
    </row>
    <row r="1435" spans="1:4" x14ac:dyDescent="0.25">
      <c r="A1435" s="1">
        <v>41856</v>
      </c>
      <c r="B1435" s="2">
        <v>0.15214120370370371</v>
      </c>
      <c r="C1435">
        <v>94.305599999999998</v>
      </c>
      <c r="D1435">
        <v>188.6112</v>
      </c>
    </row>
    <row r="1436" spans="1:4" x14ac:dyDescent="0.25">
      <c r="A1436" s="1">
        <v>41856</v>
      </c>
      <c r="B1436" s="2">
        <v>0.15252314814814816</v>
      </c>
      <c r="C1436">
        <v>94.372199999999992</v>
      </c>
      <c r="D1436">
        <v>188.74439999999998</v>
      </c>
    </row>
    <row r="1437" spans="1:4" x14ac:dyDescent="0.25">
      <c r="A1437" s="1">
        <v>41856</v>
      </c>
      <c r="B1437" s="2">
        <v>0.15293981481481481</v>
      </c>
      <c r="C1437">
        <v>94.438799999999986</v>
      </c>
      <c r="D1437">
        <v>188.87759999999997</v>
      </c>
    </row>
    <row r="1438" spans="1:4" x14ac:dyDescent="0.25">
      <c r="A1438" s="1">
        <v>41856</v>
      </c>
      <c r="B1438" s="2">
        <v>0.15333333333333332</v>
      </c>
      <c r="C1438">
        <v>94.505399999999995</v>
      </c>
      <c r="D1438">
        <v>189.01079999999999</v>
      </c>
    </row>
    <row r="1439" spans="1:4" x14ac:dyDescent="0.25">
      <c r="A1439" s="1">
        <v>41856</v>
      </c>
      <c r="B1439" s="2">
        <v>0.15376157407407406</v>
      </c>
      <c r="C1439">
        <v>94.571999999999989</v>
      </c>
      <c r="D1439">
        <v>189.14399999999998</v>
      </c>
    </row>
    <row r="1440" spans="1:4" x14ac:dyDescent="0.25">
      <c r="A1440" s="1">
        <v>41856</v>
      </c>
      <c r="B1440" s="2">
        <v>0.15416666666666667</v>
      </c>
      <c r="C1440">
        <v>94.638599999999997</v>
      </c>
      <c r="D1440">
        <v>189.27719999999999</v>
      </c>
    </row>
    <row r="1441" spans="1:4" x14ac:dyDescent="0.25">
      <c r="A1441" s="1">
        <v>41856</v>
      </c>
      <c r="B1441" s="2">
        <v>0.15460648148148148</v>
      </c>
      <c r="C1441">
        <v>94.705199999999991</v>
      </c>
      <c r="D1441">
        <v>189.41039999999998</v>
      </c>
    </row>
    <row r="1442" spans="1:4" x14ac:dyDescent="0.25">
      <c r="A1442" s="1">
        <v>41856</v>
      </c>
      <c r="B1442" s="2">
        <v>0.15503472222222223</v>
      </c>
      <c r="C1442">
        <v>94.771799999999985</v>
      </c>
      <c r="D1442">
        <v>189.54359999999997</v>
      </c>
    </row>
    <row r="1443" spans="1:4" x14ac:dyDescent="0.25">
      <c r="A1443" s="1">
        <v>41856</v>
      </c>
      <c r="B1443" s="2">
        <v>0.1554861111111111</v>
      </c>
      <c r="C1443">
        <v>94.838399999999993</v>
      </c>
      <c r="D1443">
        <v>189.67679999999999</v>
      </c>
    </row>
    <row r="1444" spans="1:4" x14ac:dyDescent="0.25">
      <c r="A1444" s="1">
        <v>41856</v>
      </c>
      <c r="B1444" s="2">
        <v>0.15591435185185185</v>
      </c>
      <c r="C1444">
        <v>94.904999999999987</v>
      </c>
      <c r="D1444">
        <v>189.80999999999997</v>
      </c>
    </row>
    <row r="1445" spans="1:4" x14ac:dyDescent="0.25">
      <c r="A1445" s="1">
        <v>41856</v>
      </c>
      <c r="B1445" s="2">
        <v>0.15638888888888888</v>
      </c>
      <c r="C1445">
        <v>94.971599999999995</v>
      </c>
      <c r="D1445">
        <v>189.94319999999999</v>
      </c>
    </row>
    <row r="1446" spans="1:4" x14ac:dyDescent="0.25">
      <c r="A1446" s="1">
        <v>41856</v>
      </c>
      <c r="B1446" s="2">
        <v>0.15684027777777779</v>
      </c>
      <c r="C1446">
        <v>95.038200000000003</v>
      </c>
      <c r="D1446">
        <v>190.07640000000001</v>
      </c>
    </row>
    <row r="1447" spans="1:4" x14ac:dyDescent="0.25">
      <c r="A1447" s="1">
        <v>41856</v>
      </c>
      <c r="B1447" s="2">
        <v>0.15732638888888889</v>
      </c>
      <c r="C1447">
        <v>95.104799999999983</v>
      </c>
      <c r="D1447">
        <v>190.20959999999997</v>
      </c>
    </row>
    <row r="1448" spans="1:4" x14ac:dyDescent="0.25">
      <c r="A1448" s="1">
        <v>41856</v>
      </c>
      <c r="B1448" s="2">
        <v>0.15780092592592593</v>
      </c>
      <c r="C1448">
        <v>95.171399999999991</v>
      </c>
      <c r="D1448">
        <v>190.34279999999998</v>
      </c>
    </row>
    <row r="1449" spans="1:4" x14ac:dyDescent="0.25">
      <c r="A1449" s="1">
        <v>41856</v>
      </c>
      <c r="B1449" s="2">
        <v>0.15829861111111113</v>
      </c>
      <c r="C1449">
        <v>95.237999999999985</v>
      </c>
      <c r="D1449">
        <v>190.47599999999997</v>
      </c>
    </row>
    <row r="1450" spans="1:4" x14ac:dyDescent="0.25">
      <c r="A1450" s="1">
        <v>41856</v>
      </c>
      <c r="B1450" s="2">
        <v>0.1587847222222222</v>
      </c>
      <c r="C1450">
        <v>95.304599999999994</v>
      </c>
      <c r="D1450">
        <v>190.60919999999999</v>
      </c>
    </row>
    <row r="1451" spans="1:4" x14ac:dyDescent="0.25">
      <c r="A1451" s="1">
        <v>41856</v>
      </c>
      <c r="B1451" s="2">
        <v>0.15930555555555556</v>
      </c>
      <c r="C1451">
        <v>95.371200000000002</v>
      </c>
      <c r="D1451">
        <v>190.7424</v>
      </c>
    </row>
    <row r="1452" spans="1:4" x14ac:dyDescent="0.25">
      <c r="A1452" s="1">
        <v>41856</v>
      </c>
      <c r="B1452" s="2">
        <v>0.15981481481481483</v>
      </c>
      <c r="C1452">
        <v>95.437799999999982</v>
      </c>
      <c r="D1452">
        <v>190.87559999999996</v>
      </c>
    </row>
    <row r="1453" spans="1:4" x14ac:dyDescent="0.25">
      <c r="A1453" s="1">
        <v>41856</v>
      </c>
      <c r="B1453" s="2">
        <v>0.16034722222222222</v>
      </c>
      <c r="C1453">
        <v>95.50439999999999</v>
      </c>
      <c r="D1453">
        <v>191.00879999999998</v>
      </c>
    </row>
    <row r="1454" spans="1:4" x14ac:dyDescent="0.25">
      <c r="A1454" s="1">
        <v>41856</v>
      </c>
      <c r="B1454" s="2">
        <v>0.16086805555555556</v>
      </c>
      <c r="C1454">
        <v>95.570999999999984</v>
      </c>
      <c r="D1454">
        <v>191.14199999999997</v>
      </c>
    </row>
    <row r="1455" spans="1:4" x14ac:dyDescent="0.25">
      <c r="A1455" s="1">
        <v>41856</v>
      </c>
      <c r="B1455" s="2">
        <v>0.16143518518518518</v>
      </c>
      <c r="C1455">
        <v>95.637599999999992</v>
      </c>
      <c r="D1455">
        <v>191.27519999999998</v>
      </c>
    </row>
    <row r="1456" spans="1:4" x14ac:dyDescent="0.25">
      <c r="A1456" s="1">
        <v>41856</v>
      </c>
      <c r="B1456" s="2">
        <v>0.16196759259259261</v>
      </c>
      <c r="C1456">
        <v>95.7042</v>
      </c>
      <c r="D1456">
        <v>191.4084</v>
      </c>
    </row>
    <row r="1457" spans="1:4" x14ac:dyDescent="0.25">
      <c r="A1457" s="1">
        <v>41856</v>
      </c>
      <c r="B1457" s="2">
        <v>0.1625462962962963</v>
      </c>
      <c r="C1457">
        <v>95.770799999999994</v>
      </c>
      <c r="D1457">
        <v>191.54159999999999</v>
      </c>
    </row>
    <row r="1458" spans="1:4" x14ac:dyDescent="0.25">
      <c r="A1458" s="1">
        <v>41856</v>
      </c>
      <c r="B1458" s="2">
        <v>0.16311342592592593</v>
      </c>
      <c r="C1458">
        <v>95.837399999999988</v>
      </c>
      <c r="D1458">
        <v>191.67479999999998</v>
      </c>
    </row>
    <row r="1459" spans="1:4" x14ac:dyDescent="0.25">
      <c r="A1459" s="1">
        <v>41856</v>
      </c>
      <c r="B1459" s="2">
        <v>0.16372685185185185</v>
      </c>
      <c r="C1459">
        <v>95.903999999999982</v>
      </c>
      <c r="D1459">
        <v>191.80799999999996</v>
      </c>
    </row>
    <row r="1460" spans="1:4" x14ac:dyDescent="0.25">
      <c r="A1460" s="1">
        <v>41856</v>
      </c>
      <c r="B1460" s="2">
        <v>0.16431712962962963</v>
      </c>
      <c r="C1460">
        <v>95.97059999999999</v>
      </c>
      <c r="D1460">
        <v>191.94119999999998</v>
      </c>
    </row>
    <row r="1461" spans="1:4" x14ac:dyDescent="0.25">
      <c r="A1461" s="1">
        <v>41856</v>
      </c>
      <c r="B1461" s="2">
        <v>0.16495370370370369</v>
      </c>
      <c r="C1461">
        <v>96.037199999999999</v>
      </c>
      <c r="D1461">
        <v>192.0744</v>
      </c>
    </row>
    <row r="1462" spans="1:4" x14ac:dyDescent="0.25">
      <c r="A1462" s="1">
        <v>41856</v>
      </c>
      <c r="B1462" s="2">
        <v>0.16556712962962963</v>
      </c>
      <c r="C1462">
        <v>96.103799999999993</v>
      </c>
      <c r="D1462">
        <v>192.20759999999999</v>
      </c>
    </row>
    <row r="1463" spans="1:4" x14ac:dyDescent="0.25">
      <c r="A1463" s="1">
        <v>41856</v>
      </c>
      <c r="B1463" s="2">
        <v>0.16622685185185185</v>
      </c>
      <c r="C1463">
        <v>96.170400000000001</v>
      </c>
      <c r="D1463">
        <v>192.3408</v>
      </c>
    </row>
    <row r="1464" spans="1:4" x14ac:dyDescent="0.25">
      <c r="A1464" s="1">
        <v>41856</v>
      </c>
      <c r="B1464" s="2">
        <v>0.166875</v>
      </c>
      <c r="C1464">
        <v>96.236999999999981</v>
      </c>
      <c r="D1464">
        <v>192.47399999999996</v>
      </c>
    </row>
    <row r="1465" spans="1:4" x14ac:dyDescent="0.25">
      <c r="A1465" s="1">
        <v>41856</v>
      </c>
      <c r="B1465" s="2">
        <v>0.1675810185185185</v>
      </c>
      <c r="C1465">
        <v>96.303599999999989</v>
      </c>
      <c r="D1465">
        <v>192.60719999999998</v>
      </c>
    </row>
    <row r="1466" spans="1:4" x14ac:dyDescent="0.25">
      <c r="A1466" s="1">
        <v>41856</v>
      </c>
      <c r="B1466" s="2">
        <v>0.16825231481481481</v>
      </c>
      <c r="C1466">
        <v>96.370199999999997</v>
      </c>
      <c r="D1466">
        <v>192.74039999999999</v>
      </c>
    </row>
    <row r="1467" spans="1:4" x14ac:dyDescent="0.25">
      <c r="A1467" s="1">
        <v>41856</v>
      </c>
      <c r="B1467" s="2">
        <v>0.16899305555555555</v>
      </c>
      <c r="C1467">
        <v>96.436799999999991</v>
      </c>
      <c r="D1467">
        <v>192.87359999999998</v>
      </c>
    </row>
    <row r="1468" spans="1:4" x14ac:dyDescent="0.25">
      <c r="A1468" s="1">
        <v>41856</v>
      </c>
      <c r="B1468" s="2">
        <v>0.16969907407407406</v>
      </c>
      <c r="C1468">
        <v>96.503399999999999</v>
      </c>
      <c r="D1468">
        <v>193.0068</v>
      </c>
    </row>
    <row r="1469" spans="1:4" x14ac:dyDescent="0.25">
      <c r="A1469" s="1">
        <v>41856</v>
      </c>
      <c r="B1469" s="2">
        <v>0.17046296296296296</v>
      </c>
      <c r="C1469">
        <v>96.569999999999979</v>
      </c>
      <c r="D1469">
        <v>193.13999999999996</v>
      </c>
    </row>
    <row r="1470" spans="1:4" x14ac:dyDescent="0.25">
      <c r="A1470" s="1">
        <v>41856</v>
      </c>
      <c r="B1470" s="2">
        <v>0.17121527777777779</v>
      </c>
      <c r="C1470">
        <v>96.636599999999987</v>
      </c>
      <c r="D1470">
        <v>193.27319999999997</v>
      </c>
    </row>
    <row r="1471" spans="1:4" x14ac:dyDescent="0.25">
      <c r="A1471" s="1">
        <v>41856</v>
      </c>
      <c r="B1471" s="2">
        <v>0.17202546296296295</v>
      </c>
      <c r="C1471">
        <v>96.703199999999995</v>
      </c>
      <c r="D1471">
        <v>193.40639999999999</v>
      </c>
    </row>
    <row r="1472" spans="1:4" x14ac:dyDescent="0.25">
      <c r="A1472" s="1">
        <v>41856</v>
      </c>
      <c r="B1472" s="2">
        <v>0.17281250000000001</v>
      </c>
      <c r="C1472">
        <v>96.769799999999989</v>
      </c>
      <c r="D1472">
        <v>193.53959999999998</v>
      </c>
    </row>
    <row r="1473" spans="1:4" x14ac:dyDescent="0.25">
      <c r="A1473" s="1">
        <v>41856</v>
      </c>
      <c r="B1473" s="2">
        <v>0.17368055555555553</v>
      </c>
      <c r="C1473">
        <v>96.836399999999998</v>
      </c>
      <c r="D1473">
        <v>193.6728</v>
      </c>
    </row>
    <row r="1474" spans="1:4" x14ac:dyDescent="0.25">
      <c r="A1474" s="1">
        <v>41856</v>
      </c>
      <c r="B1474" s="2">
        <v>0.17453703703703705</v>
      </c>
      <c r="C1474">
        <v>96.902999999999992</v>
      </c>
      <c r="D1474">
        <v>193.80599999999998</v>
      </c>
    </row>
    <row r="1475" spans="1:4" x14ac:dyDescent="0.25">
      <c r="A1475" s="1">
        <v>41856</v>
      </c>
      <c r="B1475" s="2">
        <v>0.17545138888888889</v>
      </c>
      <c r="C1475">
        <v>96.969599999999986</v>
      </c>
      <c r="D1475">
        <v>193.93919999999997</v>
      </c>
    </row>
    <row r="1476" spans="1:4" x14ac:dyDescent="0.25">
      <c r="A1476" s="1">
        <v>41856</v>
      </c>
      <c r="B1476" s="2">
        <v>0.17634259259259258</v>
      </c>
      <c r="C1476">
        <v>97.036199999999994</v>
      </c>
      <c r="D1476">
        <v>194.07239999999999</v>
      </c>
    </row>
    <row r="1477" spans="1:4" x14ac:dyDescent="0.25">
      <c r="A1477" s="1">
        <v>41856</v>
      </c>
      <c r="B1477" s="2">
        <v>0.17732638888888888</v>
      </c>
      <c r="C1477">
        <v>97.102799999999988</v>
      </c>
      <c r="D1477">
        <v>194.20559999999998</v>
      </c>
    </row>
    <row r="1478" spans="1:4" x14ac:dyDescent="0.25">
      <c r="A1478" s="1">
        <v>41856</v>
      </c>
      <c r="B1478" s="2">
        <v>0.17827546296296296</v>
      </c>
      <c r="C1478">
        <v>97.169399999999996</v>
      </c>
      <c r="D1478">
        <v>194.33879999999999</v>
      </c>
    </row>
    <row r="1479" spans="1:4" x14ac:dyDescent="0.25">
      <c r="A1479" s="1">
        <v>41856</v>
      </c>
      <c r="B1479" s="2">
        <v>0.17931712962962965</v>
      </c>
      <c r="C1479">
        <v>97.23599999999999</v>
      </c>
      <c r="D1479">
        <v>194.47199999999998</v>
      </c>
    </row>
    <row r="1480" spans="1:4" x14ac:dyDescent="0.25">
      <c r="A1480" s="1">
        <v>41856</v>
      </c>
      <c r="B1480" s="2">
        <v>0.18033564814814815</v>
      </c>
      <c r="C1480">
        <v>97.302599999999998</v>
      </c>
      <c r="D1480">
        <v>194.6052</v>
      </c>
    </row>
    <row r="1481" spans="1:4" x14ac:dyDescent="0.25">
      <c r="A1481" s="1">
        <v>41856</v>
      </c>
      <c r="B1481" s="2">
        <v>0.1814351851851852</v>
      </c>
      <c r="C1481">
        <v>97.369199999999992</v>
      </c>
      <c r="D1481">
        <v>194.73839999999998</v>
      </c>
    </row>
    <row r="1482" spans="1:4" x14ac:dyDescent="0.25">
      <c r="A1482" s="1">
        <v>41856</v>
      </c>
      <c r="B1482" s="2">
        <v>0.18252314814814816</v>
      </c>
      <c r="C1482">
        <v>97.435799999999986</v>
      </c>
      <c r="D1482">
        <v>194.87159999999997</v>
      </c>
    </row>
    <row r="1483" spans="1:4" x14ac:dyDescent="0.25">
      <c r="A1483" s="1">
        <v>41856</v>
      </c>
      <c r="B1483" s="2">
        <v>0.1837037037037037</v>
      </c>
      <c r="C1483">
        <v>97.502399999999994</v>
      </c>
      <c r="D1483">
        <v>195.00479999999999</v>
      </c>
    </row>
    <row r="1484" spans="1:4" x14ac:dyDescent="0.25">
      <c r="A1484" s="1">
        <v>41856</v>
      </c>
      <c r="B1484" s="2">
        <v>0.18484953703703702</v>
      </c>
      <c r="C1484">
        <v>97.568999999999988</v>
      </c>
      <c r="D1484">
        <v>195.13799999999998</v>
      </c>
    </row>
    <row r="1485" spans="1:4" x14ac:dyDescent="0.25">
      <c r="A1485" s="1">
        <v>41856</v>
      </c>
      <c r="B1485" s="2">
        <v>0.18609953703703705</v>
      </c>
      <c r="C1485">
        <v>97.635599999999997</v>
      </c>
      <c r="D1485">
        <v>195.27119999999999</v>
      </c>
    </row>
    <row r="1486" spans="1:4" x14ac:dyDescent="0.25">
      <c r="A1486" s="1">
        <v>41856</v>
      </c>
      <c r="B1486" s="2">
        <v>0.18732638888888889</v>
      </c>
      <c r="C1486">
        <v>97.702199999999991</v>
      </c>
      <c r="D1486">
        <v>195.40439999999998</v>
      </c>
    </row>
    <row r="1487" spans="1:4" x14ac:dyDescent="0.25">
      <c r="A1487" s="1">
        <v>41856</v>
      </c>
      <c r="B1487" s="2">
        <v>0.18865740740740741</v>
      </c>
      <c r="C1487">
        <v>97.768799999999985</v>
      </c>
      <c r="D1487">
        <v>195.53759999999997</v>
      </c>
    </row>
    <row r="1488" spans="1:4" x14ac:dyDescent="0.25">
      <c r="A1488" s="1">
        <v>41856</v>
      </c>
      <c r="B1488" s="2">
        <v>0.18996527777777775</v>
      </c>
      <c r="C1488">
        <v>97.835399999999993</v>
      </c>
      <c r="D1488">
        <v>195.67079999999999</v>
      </c>
    </row>
    <row r="1489" spans="1:4" x14ac:dyDescent="0.25">
      <c r="A1489" s="1">
        <v>41856</v>
      </c>
      <c r="B1489" s="2">
        <v>0.19138888888888891</v>
      </c>
      <c r="C1489">
        <v>97.901999999999987</v>
      </c>
      <c r="D1489">
        <v>195.80399999999997</v>
      </c>
    </row>
    <row r="1490" spans="1:4" x14ac:dyDescent="0.25">
      <c r="A1490" s="1">
        <v>41856</v>
      </c>
      <c r="B1490" s="2">
        <v>0.19278935185185186</v>
      </c>
      <c r="C1490">
        <v>97.968599999999995</v>
      </c>
      <c r="D1490">
        <v>195.93719999999999</v>
      </c>
    </row>
    <row r="1491" spans="1:4" x14ac:dyDescent="0.25">
      <c r="A1491" s="1">
        <v>41856</v>
      </c>
      <c r="B1491" s="2">
        <v>0.1943287037037037</v>
      </c>
      <c r="C1491">
        <v>98.035200000000003</v>
      </c>
      <c r="D1491">
        <v>196.07040000000001</v>
      </c>
    </row>
    <row r="1492" spans="1:4" x14ac:dyDescent="0.25">
      <c r="A1492" s="1">
        <v>41856</v>
      </c>
      <c r="B1492" s="2">
        <v>0.19583333333333333</v>
      </c>
      <c r="C1492">
        <v>98.101799999999983</v>
      </c>
      <c r="D1492">
        <v>196.20359999999997</v>
      </c>
    </row>
    <row r="1493" spans="1:4" x14ac:dyDescent="0.25">
      <c r="A1493" s="1">
        <v>41856</v>
      </c>
      <c r="B1493" s="2">
        <v>0.19746527777777778</v>
      </c>
      <c r="C1493">
        <v>98.168399999999991</v>
      </c>
      <c r="D1493">
        <v>196.33679999999998</v>
      </c>
    </row>
    <row r="1494" spans="1:4" x14ac:dyDescent="0.25">
      <c r="A1494" s="1">
        <v>41856</v>
      </c>
      <c r="B1494" s="2">
        <v>0.1990625</v>
      </c>
      <c r="C1494">
        <v>98.234999999999985</v>
      </c>
      <c r="D1494">
        <v>196.46999999999997</v>
      </c>
    </row>
    <row r="1495" spans="1:4" x14ac:dyDescent="0.25">
      <c r="A1495" s="1">
        <v>41856</v>
      </c>
      <c r="B1495" s="2">
        <v>0.20079861111111111</v>
      </c>
      <c r="C1495">
        <v>98.301599999999993</v>
      </c>
      <c r="D1495">
        <v>196.60319999999999</v>
      </c>
    </row>
    <row r="1496" spans="1:4" x14ac:dyDescent="0.25">
      <c r="A1496" s="1">
        <v>41856</v>
      </c>
      <c r="B1496" s="2">
        <v>0.20250000000000001</v>
      </c>
      <c r="C1496">
        <v>98.368200000000002</v>
      </c>
      <c r="D1496">
        <v>196.7364</v>
      </c>
    </row>
    <row r="1497" spans="1:4" x14ac:dyDescent="0.25">
      <c r="A1497" s="1">
        <v>41856</v>
      </c>
      <c r="B1497" s="2">
        <v>0.20435185185185187</v>
      </c>
      <c r="C1497">
        <v>98.434799999999981</v>
      </c>
      <c r="D1497">
        <v>196.86959999999996</v>
      </c>
    </row>
    <row r="1498" spans="1:4" x14ac:dyDescent="0.25">
      <c r="A1498" s="1">
        <v>41856</v>
      </c>
      <c r="B1498" s="2">
        <v>0.2061574074074074</v>
      </c>
      <c r="C1498">
        <v>98.50139999999999</v>
      </c>
      <c r="D1498">
        <v>197.00279999999998</v>
      </c>
    </row>
    <row r="1499" spans="1:4" x14ac:dyDescent="0.25">
      <c r="A1499" s="1">
        <v>41856</v>
      </c>
      <c r="B1499" s="2">
        <v>0.20811342592592594</v>
      </c>
      <c r="C1499">
        <v>98.567999999999984</v>
      </c>
      <c r="D1499">
        <v>197.13599999999997</v>
      </c>
    </row>
    <row r="1500" spans="1:4" x14ac:dyDescent="0.25">
      <c r="A1500" s="1">
        <v>41856</v>
      </c>
      <c r="B1500" s="2">
        <v>0.21001157407407409</v>
      </c>
      <c r="C1500">
        <v>98.634599999999992</v>
      </c>
      <c r="D1500">
        <v>197.26919999999998</v>
      </c>
    </row>
    <row r="1501" spans="1:4" x14ac:dyDescent="0.25">
      <c r="A1501" s="1">
        <v>41856</v>
      </c>
      <c r="B1501" s="2">
        <v>0.21208333333333332</v>
      </c>
      <c r="C1501">
        <v>98.7012</v>
      </c>
      <c r="D1501">
        <v>197.4024</v>
      </c>
    </row>
    <row r="1502" spans="1:4" x14ac:dyDescent="0.25">
      <c r="A1502" s="1">
        <v>41856</v>
      </c>
      <c r="B1502" s="2">
        <v>0.21409722222222224</v>
      </c>
      <c r="C1502">
        <v>98.767799999999994</v>
      </c>
      <c r="D1502">
        <v>197.53559999999999</v>
      </c>
    </row>
    <row r="1503" spans="1:4" x14ac:dyDescent="0.25">
      <c r="A1503" s="1">
        <v>41856</v>
      </c>
      <c r="B1503" s="2">
        <v>0.2162847222222222</v>
      </c>
      <c r="C1503">
        <v>98.834399999999988</v>
      </c>
      <c r="D1503">
        <v>197.66879999999998</v>
      </c>
    </row>
    <row r="1504" spans="1:4" x14ac:dyDescent="0.25">
      <c r="A1504" s="1">
        <v>41856</v>
      </c>
      <c r="B1504" s="2">
        <v>0.21841435185185185</v>
      </c>
      <c r="C1504">
        <v>98.900999999999982</v>
      </c>
      <c r="D1504">
        <v>197.80199999999996</v>
      </c>
    </row>
    <row r="1505" spans="1:4" x14ac:dyDescent="0.25">
      <c r="A1505" s="1">
        <v>41856</v>
      </c>
      <c r="B1505" s="2">
        <v>0.2207175925925926</v>
      </c>
      <c r="C1505">
        <v>98.96759999999999</v>
      </c>
      <c r="D1505">
        <v>197.93519999999998</v>
      </c>
    </row>
    <row r="1506" spans="1:4" x14ac:dyDescent="0.25">
      <c r="A1506" s="1">
        <v>41856</v>
      </c>
      <c r="B1506" s="2">
        <v>0.22296296296296295</v>
      </c>
      <c r="C1506">
        <v>99.034199999999998</v>
      </c>
      <c r="D1506">
        <v>198.0684</v>
      </c>
    </row>
    <row r="1507" spans="1:4" x14ac:dyDescent="0.25">
      <c r="A1507" s="1">
        <v>41856</v>
      </c>
      <c r="B1507" s="2">
        <v>0.22539351851851852</v>
      </c>
      <c r="C1507">
        <v>99.100799999999992</v>
      </c>
      <c r="D1507">
        <v>198.20159999999998</v>
      </c>
    </row>
    <row r="1508" spans="1:4" x14ac:dyDescent="0.25">
      <c r="A1508" s="1">
        <v>41856</v>
      </c>
      <c r="B1508" s="2">
        <v>0.22775462962962964</v>
      </c>
      <c r="C1508">
        <v>99.167400000000001</v>
      </c>
      <c r="D1508">
        <v>198.3348</v>
      </c>
    </row>
    <row r="1509" spans="1:4" x14ac:dyDescent="0.25">
      <c r="A1509" s="1">
        <v>41856</v>
      </c>
      <c r="B1509" s="2">
        <v>0.23027777777777778</v>
      </c>
      <c r="C1509">
        <v>99.23399999999998</v>
      </c>
      <c r="D1509">
        <v>198.46799999999996</v>
      </c>
    </row>
    <row r="1510" spans="1:4" x14ac:dyDescent="0.25">
      <c r="A1510" s="1">
        <v>41856</v>
      </c>
      <c r="B1510" s="2">
        <v>0.23275462962962964</v>
      </c>
      <c r="C1510">
        <v>99.300599999999989</v>
      </c>
      <c r="D1510">
        <v>198.60119999999998</v>
      </c>
    </row>
    <row r="1511" spans="1:4" x14ac:dyDescent="0.25">
      <c r="A1511" s="1">
        <v>41856</v>
      </c>
      <c r="B1511" s="2">
        <v>0.23539351851851853</v>
      </c>
      <c r="C1511">
        <v>99.367199999999997</v>
      </c>
      <c r="D1511">
        <v>198.73439999999999</v>
      </c>
    </row>
    <row r="1512" spans="1:4" x14ac:dyDescent="0.25">
      <c r="A1512" s="1">
        <v>41856</v>
      </c>
      <c r="B1512" s="2">
        <v>0.23797453703703705</v>
      </c>
      <c r="C1512">
        <v>99.433799999999991</v>
      </c>
      <c r="D1512">
        <v>198.86759999999998</v>
      </c>
    </row>
    <row r="1513" spans="1:4" x14ac:dyDescent="0.25">
      <c r="A1513" s="1">
        <v>41856</v>
      </c>
      <c r="B1513" s="2">
        <v>0.24076388888888889</v>
      </c>
      <c r="C1513">
        <v>99.500399999999999</v>
      </c>
      <c r="D1513">
        <v>199.0008</v>
      </c>
    </row>
    <row r="1514" spans="1:4" x14ac:dyDescent="0.25">
      <c r="A1514" s="1">
        <v>41856</v>
      </c>
      <c r="B1514" s="2">
        <v>0.24346064814814816</v>
      </c>
      <c r="C1514">
        <v>99.566999999999979</v>
      </c>
      <c r="D1514">
        <v>199.13399999999996</v>
      </c>
    </row>
    <row r="1515" spans="1:4" x14ac:dyDescent="0.25">
      <c r="A1515" s="1">
        <v>41856</v>
      </c>
      <c r="B1515" s="2">
        <v>0.24643518518518517</v>
      </c>
      <c r="C1515">
        <v>99.633599999999987</v>
      </c>
      <c r="D1515">
        <v>199.26719999999997</v>
      </c>
    </row>
    <row r="1516" spans="1:4" x14ac:dyDescent="0.25">
      <c r="A1516" s="1">
        <v>41856</v>
      </c>
      <c r="B1516" s="2">
        <v>0.24935185185185185</v>
      </c>
      <c r="C1516">
        <v>99.700199999999995</v>
      </c>
      <c r="D1516">
        <v>199.40039999999999</v>
      </c>
    </row>
    <row r="1517" spans="1:4" x14ac:dyDescent="0.25">
      <c r="A1517" s="1">
        <v>41856</v>
      </c>
      <c r="B1517" s="2">
        <v>0.25251157407407404</v>
      </c>
      <c r="C1517">
        <v>99.766799999999989</v>
      </c>
      <c r="D1517">
        <v>199.53359999999998</v>
      </c>
    </row>
    <row r="1518" spans="1:4" x14ac:dyDescent="0.25">
      <c r="A1518" s="1">
        <v>41856</v>
      </c>
      <c r="B1518" s="2">
        <v>0.25560185185185186</v>
      </c>
      <c r="C1518">
        <v>99.833399999999997</v>
      </c>
      <c r="D1518">
        <v>199.66679999999999</v>
      </c>
    </row>
    <row r="1519" spans="1:4" x14ac:dyDescent="0.25">
      <c r="A1519" s="1">
        <v>41856</v>
      </c>
      <c r="B1519" s="2">
        <v>0.25887731481481485</v>
      </c>
      <c r="C1519">
        <v>99.899999999999991</v>
      </c>
      <c r="D1519">
        <v>199.79999999999998</v>
      </c>
    </row>
    <row r="1520" spans="1:4" x14ac:dyDescent="0.25">
      <c r="A1520" s="1">
        <v>41856</v>
      </c>
      <c r="B1520" s="2">
        <v>0.26217592592592592</v>
      </c>
      <c r="C1520">
        <v>99.966599999999985</v>
      </c>
      <c r="D1520">
        <v>199.93319999999997</v>
      </c>
    </row>
    <row r="1521" spans="1:4" x14ac:dyDescent="0.25">
      <c r="A1521" s="1">
        <v>41856</v>
      </c>
      <c r="B1521" s="2">
        <v>0.26570601851851855</v>
      </c>
      <c r="C1521">
        <v>100.03319999999999</v>
      </c>
      <c r="D1521">
        <v>200.06639999999999</v>
      </c>
    </row>
    <row r="1522" spans="1:4" x14ac:dyDescent="0.25">
      <c r="A1522" s="1">
        <v>41856</v>
      </c>
      <c r="B1522" s="2">
        <v>0.2691898148148148</v>
      </c>
      <c r="C1522">
        <v>100.09979999999999</v>
      </c>
      <c r="D1522">
        <v>200.19959999999998</v>
      </c>
    </row>
    <row r="1523" spans="1:4" x14ac:dyDescent="0.25">
      <c r="A1523" s="1">
        <v>41856</v>
      </c>
      <c r="B1523" s="2">
        <v>0.27292824074074074</v>
      </c>
      <c r="C1523">
        <v>100.1664</v>
      </c>
      <c r="D1523">
        <v>200.33279999999999</v>
      </c>
    </row>
    <row r="1524" spans="1:4" x14ac:dyDescent="0.25">
      <c r="A1524" s="1">
        <v>41856</v>
      </c>
      <c r="B1524" s="2">
        <v>0.27665509259259258</v>
      </c>
      <c r="C1524">
        <v>100.23299999999999</v>
      </c>
      <c r="D1524">
        <v>200.46599999999998</v>
      </c>
    </row>
    <row r="1525" spans="1:4" x14ac:dyDescent="0.25">
      <c r="A1525" s="1">
        <v>41856</v>
      </c>
      <c r="B1525" s="2">
        <v>0.28067129629629628</v>
      </c>
      <c r="C1525">
        <v>100.2996</v>
      </c>
      <c r="D1525">
        <v>200.5992</v>
      </c>
    </row>
    <row r="1526" spans="1:4" x14ac:dyDescent="0.25">
      <c r="A1526" s="1">
        <v>41856</v>
      </c>
      <c r="B1526" s="2">
        <v>0.28459490740740739</v>
      </c>
      <c r="C1526">
        <v>100.36619999999999</v>
      </c>
      <c r="D1526">
        <v>200.73239999999998</v>
      </c>
    </row>
    <row r="1527" spans="1:4" x14ac:dyDescent="0.25">
      <c r="A1527" s="1">
        <v>41856</v>
      </c>
      <c r="B1527" s="2">
        <v>0.28885416666666669</v>
      </c>
      <c r="C1527">
        <v>100.43279999999999</v>
      </c>
      <c r="D1527">
        <v>200.86559999999997</v>
      </c>
    </row>
    <row r="1528" spans="1:4" x14ac:dyDescent="0.25">
      <c r="A1528" s="1">
        <v>41856</v>
      </c>
      <c r="B1528" s="2">
        <v>0.29298611111111111</v>
      </c>
      <c r="C1528">
        <v>100.49939999999999</v>
      </c>
      <c r="D1528">
        <v>200.99879999999999</v>
      </c>
    </row>
    <row r="1529" spans="1:4" x14ac:dyDescent="0.25">
      <c r="A1529" s="1">
        <v>41856</v>
      </c>
      <c r="B1529" s="2">
        <v>0.29736111111111113</v>
      </c>
      <c r="C1529">
        <v>100.56599999999999</v>
      </c>
      <c r="D1529">
        <v>201.13199999999998</v>
      </c>
    </row>
    <row r="1530" spans="1:4" x14ac:dyDescent="0.25">
      <c r="A1530" s="1">
        <v>41856</v>
      </c>
      <c r="B1530" s="2">
        <v>0.30163194444444447</v>
      </c>
      <c r="C1530">
        <v>100.6326</v>
      </c>
      <c r="D1530">
        <v>201.26519999999999</v>
      </c>
    </row>
    <row r="1531" spans="1:4" x14ac:dyDescent="0.25">
      <c r="A1531" s="1">
        <v>41856</v>
      </c>
      <c r="B1531" s="2">
        <v>0.30609953703703702</v>
      </c>
      <c r="C1531">
        <v>100.69919999999999</v>
      </c>
      <c r="D1531">
        <v>201.39839999999998</v>
      </c>
    </row>
    <row r="1532" spans="1:4" x14ac:dyDescent="0.25">
      <c r="A1532" s="1">
        <v>41856</v>
      </c>
      <c r="B1532" s="2">
        <v>0.31031249999999999</v>
      </c>
      <c r="C1532">
        <v>100.76579999999998</v>
      </c>
      <c r="D1532">
        <v>201.53159999999997</v>
      </c>
    </row>
    <row r="1533" spans="1:4" x14ac:dyDescent="0.25">
      <c r="A1533" s="1">
        <v>41856</v>
      </c>
      <c r="B1533" s="2">
        <v>0.31467592592592591</v>
      </c>
      <c r="C1533">
        <v>100.83239999999999</v>
      </c>
      <c r="D1533">
        <v>201.66479999999999</v>
      </c>
    </row>
    <row r="1534" spans="1:4" x14ac:dyDescent="0.25">
      <c r="A1534" s="1">
        <v>41856</v>
      </c>
      <c r="B1534" s="2">
        <v>0.31880787037037034</v>
      </c>
      <c r="C1534">
        <v>100.89899999999999</v>
      </c>
      <c r="D1534">
        <v>201.79799999999997</v>
      </c>
    </row>
    <row r="1535" spans="1:4" x14ac:dyDescent="0.25">
      <c r="A1535" s="1">
        <v>41856</v>
      </c>
      <c r="B1535" s="2">
        <v>0.32313657407407409</v>
      </c>
      <c r="C1535">
        <v>100.96559999999999</v>
      </c>
      <c r="D1535">
        <v>201.93119999999999</v>
      </c>
    </row>
    <row r="1536" spans="1:4" x14ac:dyDescent="0.25">
      <c r="A1536" s="1">
        <v>41856</v>
      </c>
      <c r="B1536" s="2">
        <v>0.32726851851851851</v>
      </c>
      <c r="C1536">
        <v>101.0322</v>
      </c>
      <c r="D1536">
        <v>202.06440000000001</v>
      </c>
    </row>
    <row r="1537" spans="1:4" x14ac:dyDescent="0.25">
      <c r="A1537" s="1">
        <v>41856</v>
      </c>
      <c r="B1537" s="2">
        <v>0.33165509259259257</v>
      </c>
      <c r="C1537">
        <v>101.09879999999998</v>
      </c>
      <c r="D1537">
        <v>202.19759999999997</v>
      </c>
    </row>
    <row r="1538" spans="1:4" x14ac:dyDescent="0.25">
      <c r="A1538" s="1">
        <v>41856</v>
      </c>
      <c r="B1538" s="2">
        <v>0.33583333333333337</v>
      </c>
      <c r="C1538">
        <v>101.16539999999999</v>
      </c>
      <c r="D1538">
        <v>202.33079999999998</v>
      </c>
    </row>
    <row r="1539" spans="1:4" x14ac:dyDescent="0.25">
      <c r="A1539" s="1">
        <v>41856</v>
      </c>
      <c r="B1539" s="2">
        <v>0.34034722222222219</v>
      </c>
      <c r="C1539">
        <v>101.23199999999999</v>
      </c>
      <c r="D1539">
        <v>202.46399999999997</v>
      </c>
    </row>
    <row r="1540" spans="1:4" x14ac:dyDescent="0.25">
      <c r="A1540" s="1">
        <v>41856</v>
      </c>
      <c r="B1540" s="2">
        <v>0.34464120370370371</v>
      </c>
      <c r="C1540">
        <v>101.29859999999999</v>
      </c>
      <c r="D1540">
        <v>202.59719999999999</v>
      </c>
    </row>
    <row r="1541" spans="1:4" x14ac:dyDescent="0.25">
      <c r="A1541" s="1">
        <v>41856</v>
      </c>
      <c r="B1541" s="2">
        <v>0.3492939814814815</v>
      </c>
      <c r="C1541">
        <v>101.3652</v>
      </c>
      <c r="D1541">
        <v>202.7304</v>
      </c>
    </row>
    <row r="1542" spans="1:4" x14ac:dyDescent="0.25">
      <c r="A1542" s="1">
        <v>41856</v>
      </c>
      <c r="B1542" s="2">
        <v>0.35377314814814814</v>
      </c>
      <c r="C1542">
        <v>101.43179999999998</v>
      </c>
      <c r="D1542">
        <v>202.86359999999996</v>
      </c>
    </row>
    <row r="1543" spans="1:4" x14ac:dyDescent="0.25">
      <c r="A1543" s="1">
        <v>41856</v>
      </c>
      <c r="B1543" s="2">
        <v>0.35859953703703701</v>
      </c>
      <c r="C1543">
        <v>101.49839999999999</v>
      </c>
      <c r="D1543">
        <v>202.99679999999998</v>
      </c>
    </row>
    <row r="1544" spans="1:4" x14ac:dyDescent="0.25">
      <c r="A1544" s="1">
        <v>41856</v>
      </c>
      <c r="B1544" s="2">
        <v>0.36325231481481479</v>
      </c>
      <c r="C1544">
        <v>101.56499999999998</v>
      </c>
      <c r="D1544">
        <v>203.12999999999997</v>
      </c>
    </row>
    <row r="1545" spans="1:4" x14ac:dyDescent="0.25">
      <c r="A1545" s="1">
        <v>41856</v>
      </c>
      <c r="B1545" s="2">
        <v>0.36829861111111112</v>
      </c>
      <c r="C1545">
        <v>101.63159999999999</v>
      </c>
      <c r="D1545">
        <v>203.26319999999998</v>
      </c>
    </row>
    <row r="1546" spans="1:4" x14ac:dyDescent="0.25">
      <c r="A1546" s="1">
        <v>41856</v>
      </c>
      <c r="B1546" s="2">
        <v>0.37315972222222221</v>
      </c>
      <c r="C1546">
        <v>101.6982</v>
      </c>
      <c r="D1546">
        <v>203.3964</v>
      </c>
    </row>
    <row r="1547" spans="1:4" x14ac:dyDescent="0.25">
      <c r="A1547" s="1">
        <v>41856</v>
      </c>
      <c r="B1547" s="2">
        <v>0.37843749999999998</v>
      </c>
      <c r="C1547">
        <v>101.76479999999999</v>
      </c>
      <c r="D1547">
        <v>203.52959999999999</v>
      </c>
    </row>
    <row r="1548" spans="1:4" x14ac:dyDescent="0.25">
      <c r="A1548" s="1">
        <v>41856</v>
      </c>
      <c r="B1548" s="2">
        <v>0.38355324074074071</v>
      </c>
      <c r="C1548">
        <v>101.83139999999999</v>
      </c>
      <c r="D1548">
        <v>203.66279999999998</v>
      </c>
    </row>
    <row r="1549" spans="1:4" x14ac:dyDescent="0.25">
      <c r="A1549" s="1">
        <v>41856</v>
      </c>
      <c r="B1549" s="2">
        <v>0.38909722222222221</v>
      </c>
      <c r="C1549">
        <v>101.89799999999998</v>
      </c>
      <c r="D1549">
        <v>203.79599999999996</v>
      </c>
    </row>
    <row r="1550" spans="1:4" x14ac:dyDescent="0.25">
      <c r="A1550" s="1">
        <v>41856</v>
      </c>
      <c r="B1550" s="2">
        <v>0.39451388888888889</v>
      </c>
      <c r="C1550">
        <v>101.96459999999999</v>
      </c>
      <c r="D1550">
        <v>203.92919999999998</v>
      </c>
    </row>
    <row r="1551" spans="1:4" x14ac:dyDescent="0.25">
      <c r="A1551" s="1">
        <v>41856</v>
      </c>
      <c r="B1551" s="2">
        <v>0.40037037037037032</v>
      </c>
      <c r="C1551">
        <v>102.0312</v>
      </c>
      <c r="D1551">
        <v>204.0624</v>
      </c>
    </row>
    <row r="1552" spans="1:4" x14ac:dyDescent="0.25">
      <c r="A1552" s="1">
        <v>41856</v>
      </c>
      <c r="B1552" s="2">
        <v>0.40611111111111109</v>
      </c>
      <c r="C1552">
        <v>102.09779999999999</v>
      </c>
      <c r="D1552">
        <v>204.19559999999998</v>
      </c>
    </row>
    <row r="1553" spans="1:4" x14ac:dyDescent="0.25">
      <c r="A1553" s="1">
        <v>41856</v>
      </c>
      <c r="B1553" s="2">
        <v>0.41222222222222221</v>
      </c>
      <c r="C1553">
        <v>102.1644</v>
      </c>
      <c r="D1553">
        <v>204.3288</v>
      </c>
    </row>
    <row r="1554" spans="1:4" x14ac:dyDescent="0.25">
      <c r="A1554" s="1">
        <v>41856</v>
      </c>
      <c r="B1554" s="2">
        <v>0.41826388888888894</v>
      </c>
      <c r="C1554">
        <v>102.23099999999998</v>
      </c>
      <c r="D1554">
        <v>204.46199999999996</v>
      </c>
    </row>
    <row r="1555" spans="1:4" x14ac:dyDescent="0.25">
      <c r="A1555" s="1">
        <v>41856</v>
      </c>
      <c r="B1555" s="2">
        <v>0.42471064814814818</v>
      </c>
      <c r="C1555">
        <v>102.29759999999999</v>
      </c>
      <c r="D1555">
        <v>204.59519999999998</v>
      </c>
    </row>
    <row r="1556" spans="1:4" x14ac:dyDescent="0.25">
      <c r="A1556" s="1">
        <v>41856</v>
      </c>
      <c r="B1556" s="2">
        <v>0.43124999999999997</v>
      </c>
      <c r="C1556">
        <v>102.3642</v>
      </c>
      <c r="D1556">
        <v>204.72839999999999</v>
      </c>
    </row>
    <row r="1557" spans="1:4" x14ac:dyDescent="0.25">
      <c r="A1557" s="1">
        <v>41856</v>
      </c>
      <c r="B1557" s="2">
        <v>0.4381944444444445</v>
      </c>
      <c r="C1557">
        <v>102.43079999999999</v>
      </c>
      <c r="D1557">
        <v>204.86159999999998</v>
      </c>
    </row>
    <row r="1558" spans="1:4" x14ac:dyDescent="0.25">
      <c r="A1558" s="1">
        <v>41856</v>
      </c>
      <c r="B1558" s="2">
        <v>0.44515046296296296</v>
      </c>
      <c r="C1558">
        <v>102.4974</v>
      </c>
      <c r="D1558">
        <v>204.9948</v>
      </c>
    </row>
    <row r="1559" spans="1:4" x14ac:dyDescent="0.25">
      <c r="A1559" s="1">
        <v>41856</v>
      </c>
      <c r="B1559" s="2">
        <v>0.45246527777777779</v>
      </c>
      <c r="C1559">
        <v>102.56399999999998</v>
      </c>
      <c r="D1559">
        <v>205.12799999999996</v>
      </c>
    </row>
    <row r="1560" spans="1:4" x14ac:dyDescent="0.25">
      <c r="A1560" s="1">
        <v>41856</v>
      </c>
      <c r="B1560" s="2">
        <v>0.45989583333333334</v>
      </c>
      <c r="C1560">
        <v>102.63059999999999</v>
      </c>
      <c r="D1560">
        <v>205.26119999999997</v>
      </c>
    </row>
    <row r="1561" spans="1:4" x14ac:dyDescent="0.25">
      <c r="A1561" s="1">
        <v>41856</v>
      </c>
      <c r="B1561" s="2">
        <v>0.46770833333333334</v>
      </c>
      <c r="C1561">
        <v>102.6972</v>
      </c>
      <c r="D1561">
        <v>205.39439999999999</v>
      </c>
    </row>
    <row r="1562" spans="1:4" x14ac:dyDescent="0.25">
      <c r="A1562" s="1">
        <v>41856</v>
      </c>
      <c r="B1562" s="2">
        <v>0.47571759259259255</v>
      </c>
      <c r="C1562">
        <v>102.76379999999999</v>
      </c>
      <c r="D1562">
        <v>205.52759999999998</v>
      </c>
    </row>
    <row r="1563" spans="1:4" x14ac:dyDescent="0.25">
      <c r="A1563" s="1">
        <v>41856</v>
      </c>
      <c r="B1563" s="2">
        <v>0.48420138888888892</v>
      </c>
      <c r="C1563">
        <v>102.8304</v>
      </c>
      <c r="D1563">
        <v>205.66079999999999</v>
      </c>
    </row>
    <row r="1564" spans="1:4" x14ac:dyDescent="0.25">
      <c r="A1564" s="1">
        <v>41856</v>
      </c>
      <c r="B1564" s="2">
        <v>0.4927083333333333</v>
      </c>
      <c r="C1564">
        <v>102.89699999999999</v>
      </c>
      <c r="D1564">
        <v>205.79399999999998</v>
      </c>
    </row>
    <row r="1565" spans="1:4" x14ac:dyDescent="0.25">
      <c r="A1565" s="1">
        <v>41856</v>
      </c>
      <c r="B1565" s="2">
        <v>0.50179398148148147</v>
      </c>
      <c r="C1565">
        <v>102.96359999999999</v>
      </c>
      <c r="D1565">
        <v>205.92719999999997</v>
      </c>
    </row>
    <row r="1566" spans="1:4" x14ac:dyDescent="0.25">
      <c r="A1566" s="1">
        <v>41856</v>
      </c>
      <c r="B1566" s="2">
        <v>0.51087962962962963</v>
      </c>
      <c r="C1566">
        <v>103.03019999999999</v>
      </c>
      <c r="D1566">
        <v>206.06039999999999</v>
      </c>
    </row>
    <row r="1567" spans="1:4" x14ac:dyDescent="0.25">
      <c r="A1567" s="1">
        <v>41856</v>
      </c>
      <c r="B1567" s="2">
        <v>0.52064814814814808</v>
      </c>
      <c r="C1567">
        <v>103.09679999999999</v>
      </c>
      <c r="D1567">
        <v>206.19359999999998</v>
      </c>
    </row>
    <row r="1568" spans="1:4" x14ac:dyDescent="0.25">
      <c r="A1568" s="1">
        <v>41856</v>
      </c>
      <c r="B1568" s="2">
        <v>0.53046296296296302</v>
      </c>
      <c r="C1568">
        <v>103.1634</v>
      </c>
      <c r="D1568">
        <v>206.32679999999999</v>
      </c>
    </row>
    <row r="1569" spans="1:4" x14ac:dyDescent="0.25">
      <c r="A1569" s="1">
        <v>41856</v>
      </c>
      <c r="B1569" s="2">
        <v>0.54104166666666664</v>
      </c>
      <c r="C1569">
        <v>103.22999999999999</v>
      </c>
      <c r="D1569">
        <v>206.45999999999998</v>
      </c>
    </row>
    <row r="1570" spans="1:4" x14ac:dyDescent="0.25">
      <c r="A1570" s="1">
        <v>41856</v>
      </c>
      <c r="B1570" s="2">
        <v>0.55144675925925923</v>
      </c>
      <c r="C1570">
        <v>103.2966</v>
      </c>
      <c r="D1570">
        <v>206.5932</v>
      </c>
    </row>
    <row r="1571" spans="1:4" x14ac:dyDescent="0.25">
      <c r="A1571" s="1">
        <v>41856</v>
      </c>
      <c r="B1571" s="2">
        <v>0.5628009259259259</v>
      </c>
      <c r="C1571">
        <v>103.36319999999999</v>
      </c>
      <c r="D1571">
        <v>206.72639999999998</v>
      </c>
    </row>
    <row r="1572" spans="1:4" x14ac:dyDescent="0.25">
      <c r="A1572" s="1">
        <v>41856</v>
      </c>
      <c r="B1572" s="2">
        <v>0.57423611111111106</v>
      </c>
      <c r="C1572">
        <v>103.42979999999999</v>
      </c>
      <c r="D1572">
        <v>206.85959999999997</v>
      </c>
    </row>
    <row r="1573" spans="1:4" x14ac:dyDescent="0.25">
      <c r="A1573" s="1">
        <v>41856</v>
      </c>
      <c r="B1573" s="2">
        <v>0.58648148148148149</v>
      </c>
      <c r="C1573">
        <v>103.49639999999999</v>
      </c>
      <c r="D1573">
        <v>206.99279999999999</v>
      </c>
    </row>
    <row r="1574" spans="1:4" x14ac:dyDescent="0.25">
      <c r="A1574" s="1">
        <v>41856</v>
      </c>
      <c r="B1574" s="2">
        <v>0.59871527777777778</v>
      </c>
      <c r="C1574">
        <v>103.56299999999999</v>
      </c>
      <c r="D1574">
        <v>207.12599999999998</v>
      </c>
    </row>
    <row r="1575" spans="1:4" x14ac:dyDescent="0.25">
      <c r="A1575" s="1">
        <v>41856</v>
      </c>
      <c r="B1575" s="2">
        <v>0.61178240740740741</v>
      </c>
      <c r="C1575">
        <v>103.6296</v>
      </c>
      <c r="D1575">
        <v>207.25919999999999</v>
      </c>
    </row>
    <row r="1576" spans="1:4" x14ac:dyDescent="0.25">
      <c r="A1576" s="1">
        <v>41856</v>
      </c>
      <c r="B1576" s="2">
        <v>0.62493055555555554</v>
      </c>
      <c r="C1576">
        <v>103.69619999999999</v>
      </c>
      <c r="D1576">
        <v>207.39239999999998</v>
      </c>
    </row>
    <row r="1577" spans="1:4" x14ac:dyDescent="0.25">
      <c r="A1577" s="1">
        <v>41856</v>
      </c>
      <c r="B1577" s="2">
        <v>0.63905092592592594</v>
      </c>
      <c r="C1577">
        <v>103.76279999999998</v>
      </c>
      <c r="D1577">
        <v>207.52559999999997</v>
      </c>
    </row>
    <row r="1578" spans="1:4" x14ac:dyDescent="0.25">
      <c r="A1578" s="1">
        <v>41856</v>
      </c>
      <c r="B1578" s="2">
        <v>0.65332175925925928</v>
      </c>
      <c r="C1578">
        <v>103.82939999999999</v>
      </c>
      <c r="D1578">
        <v>207.65879999999999</v>
      </c>
    </row>
    <row r="1579" spans="1:4" x14ac:dyDescent="0.25">
      <c r="A1579" s="1">
        <v>41856</v>
      </c>
      <c r="B1579" s="2">
        <v>0.66859953703703701</v>
      </c>
      <c r="C1579">
        <v>103.89599999999999</v>
      </c>
      <c r="D1579">
        <v>207.79199999999997</v>
      </c>
    </row>
    <row r="1580" spans="1:4" x14ac:dyDescent="0.25">
      <c r="A1580" s="1">
        <v>41856</v>
      </c>
      <c r="B1580" s="2">
        <v>0.68415509259259266</v>
      </c>
      <c r="C1580">
        <v>103.96259999999999</v>
      </c>
      <c r="D1580">
        <v>207.92519999999999</v>
      </c>
    </row>
    <row r="1581" spans="1:4" x14ac:dyDescent="0.25">
      <c r="A1581" s="1">
        <v>41856</v>
      </c>
      <c r="B1581" s="2">
        <v>0.70064814814814813</v>
      </c>
      <c r="C1581">
        <v>104.0292</v>
      </c>
      <c r="D1581">
        <v>208.05840000000001</v>
      </c>
    </row>
    <row r="1582" spans="1:4" x14ac:dyDescent="0.25">
      <c r="A1582" s="1">
        <v>41856</v>
      </c>
      <c r="B1582" s="2">
        <v>0.71710648148148148</v>
      </c>
      <c r="C1582">
        <v>104.09579999999998</v>
      </c>
      <c r="D1582">
        <v>208.19159999999997</v>
      </c>
    </row>
    <row r="1583" spans="1:4" x14ac:dyDescent="0.25">
      <c r="A1583" s="1">
        <v>41856</v>
      </c>
      <c r="B1583" s="2">
        <v>0.73517361111111112</v>
      </c>
      <c r="C1583">
        <v>104.16239999999999</v>
      </c>
      <c r="D1583">
        <v>208.32479999999998</v>
      </c>
    </row>
    <row r="1584" spans="1:4" x14ac:dyDescent="0.25">
      <c r="A1584" s="1">
        <v>41856</v>
      </c>
      <c r="B1584" s="2">
        <v>0.75336805555555564</v>
      </c>
      <c r="C1584">
        <v>104.22899999999998</v>
      </c>
      <c r="D1584">
        <v>208.45799999999997</v>
      </c>
    </row>
    <row r="1585" spans="1:4" x14ac:dyDescent="0.25">
      <c r="A1585" s="1">
        <v>41856</v>
      </c>
      <c r="B1585" s="2">
        <v>0.77312499999999995</v>
      </c>
      <c r="C1585">
        <v>104.29559999999999</v>
      </c>
      <c r="D1585">
        <v>208.59119999999999</v>
      </c>
    </row>
    <row r="1586" spans="1:4" x14ac:dyDescent="0.25">
      <c r="A1586" s="1">
        <v>41856</v>
      </c>
      <c r="B1586" s="2">
        <v>0.79318287037037039</v>
      </c>
      <c r="C1586">
        <v>104.3622</v>
      </c>
      <c r="D1586">
        <v>208.7244</v>
      </c>
    </row>
    <row r="1587" spans="1:4" x14ac:dyDescent="0.25">
      <c r="A1587" s="1">
        <v>41856</v>
      </c>
      <c r="B1587" s="2">
        <v>0.81452546296296291</v>
      </c>
      <c r="C1587">
        <v>104.4288</v>
      </c>
      <c r="D1587">
        <v>208.85759999999999</v>
      </c>
    </row>
    <row r="1588" spans="1:4" x14ac:dyDescent="0.25">
      <c r="A1588" s="1">
        <v>41856</v>
      </c>
      <c r="B1588" s="2">
        <v>0.83650462962962957</v>
      </c>
      <c r="C1588">
        <v>104.49539999999999</v>
      </c>
      <c r="D1588">
        <v>208.99079999999998</v>
      </c>
    </row>
    <row r="1589" spans="1:4" x14ac:dyDescent="0.25">
      <c r="A1589" s="1">
        <v>41856</v>
      </c>
      <c r="B1589" s="2">
        <v>0.85990740740740745</v>
      </c>
      <c r="C1589">
        <v>104.56199999999998</v>
      </c>
      <c r="D1589">
        <v>209.12399999999997</v>
      </c>
    </row>
    <row r="1590" spans="1:4" x14ac:dyDescent="0.25">
      <c r="A1590" s="1">
        <v>41856</v>
      </c>
      <c r="B1590" s="2">
        <v>0.88370370370370377</v>
      </c>
      <c r="C1590">
        <v>104.62859999999999</v>
      </c>
      <c r="D1590">
        <v>209.25719999999998</v>
      </c>
    </row>
    <row r="1591" spans="1:4" x14ac:dyDescent="0.25">
      <c r="A1591" s="1">
        <v>41856</v>
      </c>
      <c r="B1591" s="2">
        <v>0.90929398148148144</v>
      </c>
      <c r="C1591">
        <v>104.6952</v>
      </c>
      <c r="D1591">
        <v>209.3904</v>
      </c>
    </row>
    <row r="1592" spans="1:4" x14ac:dyDescent="0.25">
      <c r="A1592" s="1">
        <v>41856</v>
      </c>
      <c r="B1592" s="2">
        <v>0.93530092592592595</v>
      </c>
      <c r="C1592">
        <v>104.76179999999999</v>
      </c>
      <c r="D1592">
        <v>209.52359999999999</v>
      </c>
    </row>
    <row r="1593" spans="1:4" x14ac:dyDescent="0.25">
      <c r="A1593" s="1">
        <v>41856</v>
      </c>
      <c r="B1593" s="2">
        <v>0.96402777777777782</v>
      </c>
      <c r="C1593">
        <v>104.82839999999999</v>
      </c>
      <c r="D1593">
        <v>209.65679999999998</v>
      </c>
    </row>
    <row r="1594" spans="1:4" x14ac:dyDescent="0.25">
      <c r="A1594" s="1">
        <v>41856</v>
      </c>
      <c r="B1594" s="2">
        <v>0.99243055555555559</v>
      </c>
      <c r="C1594">
        <v>104.89499999999998</v>
      </c>
      <c r="D1594">
        <v>209.78999999999996</v>
      </c>
    </row>
    <row r="1595" spans="1:4" x14ac:dyDescent="0.25">
      <c r="A1595" s="1">
        <v>41857</v>
      </c>
      <c r="B1595" s="2">
        <v>2.3923611111111114E-2</v>
      </c>
      <c r="C1595">
        <v>104.96159999999999</v>
      </c>
      <c r="D1595">
        <v>209.92319999999998</v>
      </c>
    </row>
    <row r="1596" spans="1:4" x14ac:dyDescent="0.25">
      <c r="A1596" s="1">
        <v>41857</v>
      </c>
      <c r="B1596" s="2">
        <v>5.5520833333333332E-2</v>
      </c>
      <c r="C1596">
        <v>105.0282</v>
      </c>
      <c r="D1596">
        <v>210.0564</v>
      </c>
    </row>
    <row r="1597" spans="1:4" x14ac:dyDescent="0.25">
      <c r="A1597" s="1">
        <v>41857</v>
      </c>
      <c r="B1597" s="2">
        <v>8.9421296296296304E-2</v>
      </c>
      <c r="C1597">
        <v>105.09479999999999</v>
      </c>
      <c r="D1597">
        <v>210.18959999999998</v>
      </c>
    </row>
    <row r="1598" spans="1:4" x14ac:dyDescent="0.25">
      <c r="A1598" s="1">
        <v>41857</v>
      </c>
      <c r="B1598" s="2">
        <v>0.12256944444444444</v>
      </c>
      <c r="C1598">
        <v>105.1614</v>
      </c>
      <c r="D1598">
        <v>210.3228</v>
      </c>
    </row>
    <row r="1599" spans="1:4" x14ac:dyDescent="0.25">
      <c r="A1599" s="1">
        <v>41857</v>
      </c>
      <c r="B1599" s="2">
        <v>0.15814814814814815</v>
      </c>
      <c r="C1599">
        <v>105.22799999999998</v>
      </c>
      <c r="D1599">
        <v>210.45599999999996</v>
      </c>
    </row>
    <row r="1600" spans="1:4" x14ac:dyDescent="0.25">
      <c r="A1600" s="1">
        <v>41857</v>
      </c>
      <c r="B1600" s="2">
        <v>0.19318287037037038</v>
      </c>
      <c r="C1600">
        <v>105.29459999999999</v>
      </c>
      <c r="D1600">
        <v>210.58919999999998</v>
      </c>
    </row>
    <row r="1601" spans="1:4" x14ac:dyDescent="0.25">
      <c r="A1601" s="1">
        <v>41857</v>
      </c>
      <c r="B1601" s="2">
        <v>0.23077546296296295</v>
      </c>
      <c r="C1601">
        <v>105.3612</v>
      </c>
      <c r="D1601">
        <v>210.72239999999999</v>
      </c>
    </row>
    <row r="1602" spans="1:4" x14ac:dyDescent="0.25">
      <c r="A1602" s="1">
        <v>41857</v>
      </c>
      <c r="B1602" s="2">
        <v>0.26728009259259261</v>
      </c>
      <c r="C1602">
        <v>105.42779999999999</v>
      </c>
      <c r="D1602">
        <v>210.85559999999998</v>
      </c>
    </row>
    <row r="1603" spans="1:4" x14ac:dyDescent="0.25">
      <c r="A1603" s="1">
        <v>41857</v>
      </c>
      <c r="B1603" s="2">
        <v>0.30655092592592592</v>
      </c>
      <c r="C1603">
        <v>105.4944</v>
      </c>
      <c r="D1603">
        <v>210.9888</v>
      </c>
    </row>
    <row r="1604" spans="1:4" x14ac:dyDescent="0.25">
      <c r="A1604" s="1">
        <v>41857</v>
      </c>
      <c r="B1604" s="2">
        <v>0.34456018518518516</v>
      </c>
      <c r="C1604">
        <v>105.56099999999998</v>
      </c>
      <c r="D1604">
        <v>211.12199999999996</v>
      </c>
    </row>
    <row r="1605" spans="1:4" x14ac:dyDescent="0.25">
      <c r="A1605" s="1">
        <v>41857</v>
      </c>
      <c r="B1605" s="2">
        <v>0.38490740740740742</v>
      </c>
      <c r="C1605">
        <v>105.62759999999999</v>
      </c>
      <c r="D1605">
        <v>211.25519999999997</v>
      </c>
    </row>
    <row r="1606" spans="1:4" x14ac:dyDescent="0.25">
      <c r="A1606" s="1">
        <v>41857</v>
      </c>
      <c r="B1606" s="2">
        <v>0.42364583333333333</v>
      </c>
      <c r="C1606">
        <v>105.6942</v>
      </c>
      <c r="D1606">
        <v>211.38839999999999</v>
      </c>
    </row>
    <row r="1607" spans="1:4" x14ac:dyDescent="0.25">
      <c r="A1607" s="1">
        <v>41857</v>
      </c>
      <c r="B1607" s="2">
        <v>0.46399305555555559</v>
      </c>
      <c r="C1607">
        <v>105.76079999999999</v>
      </c>
      <c r="D1607">
        <v>211.52159999999998</v>
      </c>
    </row>
    <row r="1608" spans="1:4" x14ac:dyDescent="0.25">
      <c r="A1608" s="1">
        <v>41857</v>
      </c>
      <c r="B1608" s="2">
        <v>0.50410879629629635</v>
      </c>
      <c r="C1608">
        <v>105.8274</v>
      </c>
      <c r="D1608">
        <v>211.65479999999999</v>
      </c>
    </row>
    <row r="1609" spans="1:4" x14ac:dyDescent="0.25">
      <c r="A1609" s="1">
        <v>41857</v>
      </c>
      <c r="B1609" s="2">
        <v>0.54597222222222219</v>
      </c>
      <c r="C1609">
        <v>105.89399999999999</v>
      </c>
      <c r="D1609">
        <v>211.78799999999998</v>
      </c>
    </row>
    <row r="1610" spans="1:4" x14ac:dyDescent="0.25">
      <c r="A1610" s="1">
        <v>41857</v>
      </c>
      <c r="B1610" s="2">
        <v>0.58828703703703711</v>
      </c>
      <c r="C1610">
        <v>105.96059999999999</v>
      </c>
      <c r="D1610">
        <v>211.92119999999997</v>
      </c>
    </row>
    <row r="1611" spans="1:4" x14ac:dyDescent="0.25">
      <c r="A1611" s="1">
        <v>41857</v>
      </c>
      <c r="B1611" s="2">
        <v>0.63361111111111112</v>
      </c>
      <c r="C1611">
        <v>106.02719999999999</v>
      </c>
      <c r="D1611">
        <v>212.05439999999999</v>
      </c>
    </row>
    <row r="1612" spans="1:4" x14ac:dyDescent="0.25">
      <c r="A1612" s="1">
        <v>41857</v>
      </c>
      <c r="B1612" s="2">
        <v>0.67937499999999995</v>
      </c>
      <c r="C1612">
        <v>106.09379999999999</v>
      </c>
      <c r="D1612">
        <v>212.18759999999997</v>
      </c>
    </row>
    <row r="1613" spans="1:4" x14ac:dyDescent="0.25">
      <c r="A1613" s="1">
        <v>41857</v>
      </c>
      <c r="B1613" s="2">
        <v>0.72812500000000002</v>
      </c>
      <c r="C1613">
        <v>106.1604</v>
      </c>
      <c r="D1613">
        <v>212.32079999999999</v>
      </c>
    </row>
    <row r="1614" spans="1:4" x14ac:dyDescent="0.25">
      <c r="A1614" s="1">
        <v>41857</v>
      </c>
      <c r="B1614" s="2">
        <v>0.77732638888888894</v>
      </c>
      <c r="C1614">
        <v>106.22699999999999</v>
      </c>
      <c r="D1614">
        <v>212.45399999999998</v>
      </c>
    </row>
    <row r="1615" spans="1:4" x14ac:dyDescent="0.25">
      <c r="A1615" s="1">
        <v>41857</v>
      </c>
      <c r="B1615" s="2">
        <v>0.82988425925925924</v>
      </c>
      <c r="C1615">
        <v>106.2936</v>
      </c>
      <c r="D1615">
        <v>212.5872</v>
      </c>
    </row>
    <row r="1616" spans="1:4" x14ac:dyDescent="0.25">
      <c r="A1616" s="1">
        <v>41857</v>
      </c>
      <c r="B1616" s="2">
        <v>0.88150462962962972</v>
      </c>
      <c r="C1616">
        <v>106.36019999999999</v>
      </c>
      <c r="D1616">
        <v>212.72039999999998</v>
      </c>
    </row>
    <row r="1617" spans="1:4" x14ac:dyDescent="0.25">
      <c r="A1617" s="1">
        <v>41857</v>
      </c>
      <c r="B1617" s="2">
        <v>0.93767361111111114</v>
      </c>
      <c r="C1617">
        <v>106.42679999999999</v>
      </c>
      <c r="D1617">
        <v>212.85359999999997</v>
      </c>
    </row>
    <row r="1618" spans="1:4" x14ac:dyDescent="0.25">
      <c r="A1618" s="1">
        <v>41857</v>
      </c>
      <c r="B1618" s="2">
        <v>0.99319444444444438</v>
      </c>
      <c r="C1618">
        <v>106.49339999999999</v>
      </c>
      <c r="D1618">
        <v>212.98679999999999</v>
      </c>
    </row>
    <row r="1619" spans="1:4" x14ac:dyDescent="0.25">
      <c r="A1619" s="1">
        <v>41858</v>
      </c>
      <c r="B1619" s="2">
        <v>5.2766203703703697E-2</v>
      </c>
      <c r="C1619">
        <v>106.55999999999999</v>
      </c>
      <c r="D1619">
        <v>213.11999999999998</v>
      </c>
    </row>
    <row r="1620" spans="1:4" x14ac:dyDescent="0.25">
      <c r="A1620" s="1">
        <v>41858</v>
      </c>
      <c r="B1620" s="2">
        <v>0.11172453703703704</v>
      </c>
      <c r="C1620">
        <v>106.6266</v>
      </c>
      <c r="D1620">
        <v>213.25319999999999</v>
      </c>
    </row>
    <row r="1621" spans="1:4" x14ac:dyDescent="0.25">
      <c r="A1621" s="1">
        <v>41858</v>
      </c>
      <c r="B1621" s="2">
        <v>0.17491898148148147</v>
      </c>
      <c r="C1621">
        <v>106.69319999999999</v>
      </c>
      <c r="D1621">
        <v>213.38639999999998</v>
      </c>
    </row>
    <row r="1622" spans="1:4" x14ac:dyDescent="0.25">
      <c r="A1622" s="1">
        <v>41858</v>
      </c>
      <c r="B1622" s="2">
        <v>0.23762731481481481</v>
      </c>
      <c r="C1622">
        <v>106.75979999999998</v>
      </c>
      <c r="D1622">
        <v>213.51959999999997</v>
      </c>
    </row>
    <row r="1623" spans="1:4" x14ac:dyDescent="0.25">
      <c r="A1623" s="1">
        <v>41858</v>
      </c>
      <c r="B1623" s="2">
        <v>0.30740740740740741</v>
      </c>
      <c r="C1623">
        <v>106.82639999999999</v>
      </c>
      <c r="D1623">
        <v>213.65279999999998</v>
      </c>
    </row>
    <row r="1624" spans="1:4" x14ac:dyDescent="0.25">
      <c r="A1624" s="1">
        <v>41858</v>
      </c>
      <c r="B1624" s="2">
        <v>0.37540509259259264</v>
      </c>
      <c r="C1624">
        <v>106.89299999999999</v>
      </c>
      <c r="D1624">
        <v>213.78599999999997</v>
      </c>
    </row>
    <row r="1625" spans="1:4" x14ac:dyDescent="0.25">
      <c r="A1625" s="1">
        <v>41858</v>
      </c>
      <c r="B1625" s="2">
        <v>0.39559027777777778</v>
      </c>
      <c r="C1625">
        <v>106.89299999999999</v>
      </c>
      <c r="D1625">
        <v>213.78599999999997</v>
      </c>
    </row>
    <row r="1626" spans="1:4" x14ac:dyDescent="0.25">
      <c r="A1626" s="1">
        <v>41858</v>
      </c>
      <c r="B1626" s="2">
        <v>0.44532407407407404</v>
      </c>
      <c r="C1626">
        <v>106.95959999999999</v>
      </c>
      <c r="D1626">
        <v>213.91919999999999</v>
      </c>
    </row>
    <row r="1627" spans="1:4" x14ac:dyDescent="0.25">
      <c r="A1627" s="1">
        <v>41858</v>
      </c>
      <c r="B1627" s="2">
        <v>0.52028935185185188</v>
      </c>
      <c r="C1627">
        <v>107.0262</v>
      </c>
      <c r="D1627">
        <v>214.05240000000001</v>
      </c>
    </row>
    <row r="1628" spans="1:4" x14ac:dyDescent="0.25">
      <c r="A1628" s="1">
        <v>41858</v>
      </c>
      <c r="B1628" s="2">
        <v>0.60096064814814809</v>
      </c>
      <c r="C1628">
        <v>107.09279999999998</v>
      </c>
      <c r="D1628">
        <v>214.18559999999997</v>
      </c>
    </row>
    <row r="1629" spans="1:4" x14ac:dyDescent="0.25">
      <c r="A1629" s="1">
        <v>41858</v>
      </c>
      <c r="B1629" s="2">
        <v>0.68782407407407409</v>
      </c>
      <c r="C1629">
        <v>107.15939999999999</v>
      </c>
      <c r="D1629">
        <v>214.31879999999998</v>
      </c>
    </row>
    <row r="1630" spans="1:4" x14ac:dyDescent="0.25">
      <c r="A1630" s="1">
        <v>41858</v>
      </c>
      <c r="B1630" s="2">
        <v>0.78347222222222224</v>
      </c>
      <c r="C1630">
        <v>107.22599999999998</v>
      </c>
      <c r="D1630">
        <v>214.45199999999997</v>
      </c>
    </row>
    <row r="1631" spans="1:4" x14ac:dyDescent="0.25">
      <c r="A1631" s="1">
        <v>41858</v>
      </c>
      <c r="B1631" s="2">
        <v>0.88160879629629629</v>
      </c>
      <c r="C1631">
        <v>107.29259999999999</v>
      </c>
      <c r="D1631">
        <v>214.58519999999999</v>
      </c>
    </row>
    <row r="1632" spans="1:4" x14ac:dyDescent="0.25">
      <c r="A1632" s="1">
        <v>41858</v>
      </c>
      <c r="B1632" s="2">
        <v>0.98979166666666663</v>
      </c>
      <c r="C1632">
        <v>107.3592</v>
      </c>
      <c r="D1632">
        <v>214.7184</v>
      </c>
    </row>
    <row r="1633" spans="1:4" x14ac:dyDescent="0.25">
      <c r="A1633" s="1">
        <v>41859</v>
      </c>
      <c r="B1633" s="2">
        <v>9.7314814814814812E-2</v>
      </c>
      <c r="C1633">
        <v>107.4258</v>
      </c>
      <c r="D1633">
        <v>214.85159999999999</v>
      </c>
    </row>
    <row r="1634" spans="1:4" x14ac:dyDescent="0.25">
      <c r="A1634" s="1">
        <v>41859</v>
      </c>
      <c r="B1634" s="2">
        <v>0.21613425925925925</v>
      </c>
      <c r="C1634">
        <v>107.49239999999999</v>
      </c>
      <c r="D1634">
        <v>214.98479999999998</v>
      </c>
    </row>
    <row r="1635" spans="1:4" x14ac:dyDescent="0.25">
      <c r="A1635" s="1">
        <v>41859</v>
      </c>
      <c r="B1635" s="2">
        <v>0.33434027777777775</v>
      </c>
      <c r="C1635">
        <v>107.55899999999998</v>
      </c>
      <c r="D1635">
        <v>215.11799999999997</v>
      </c>
    </row>
    <row r="1636" spans="1:4" x14ac:dyDescent="0.25">
      <c r="A1636" s="1">
        <v>41859</v>
      </c>
      <c r="B1636" s="2">
        <v>0.45188657407407407</v>
      </c>
      <c r="C1636">
        <v>107.62559999999999</v>
      </c>
      <c r="D1636">
        <v>215.25119999999998</v>
      </c>
    </row>
    <row r="1637" spans="1:4" x14ac:dyDescent="0.25">
      <c r="A1637" s="1">
        <v>41859</v>
      </c>
      <c r="B1637" s="2">
        <v>0.57645833333333341</v>
      </c>
      <c r="C1637">
        <v>107.6922</v>
      </c>
      <c r="D1637">
        <v>215.3844</v>
      </c>
    </row>
    <row r="1638" spans="1:4" x14ac:dyDescent="0.25">
      <c r="A1638" s="1">
        <v>41859</v>
      </c>
      <c r="B1638" s="2">
        <v>0.71307870370370363</v>
      </c>
      <c r="C1638">
        <v>107.75879999999999</v>
      </c>
      <c r="D1638">
        <v>215.51759999999999</v>
      </c>
    </row>
    <row r="1639" spans="1:4" x14ac:dyDescent="0.25">
      <c r="A1639" s="1">
        <v>41859</v>
      </c>
      <c r="B1639" s="2">
        <v>0.8644560185185185</v>
      </c>
      <c r="C1639">
        <v>107.82539999999999</v>
      </c>
      <c r="D1639">
        <v>215.65079999999998</v>
      </c>
    </row>
    <row r="1640" spans="1:4" x14ac:dyDescent="0.25">
      <c r="A1640" s="1">
        <v>41860</v>
      </c>
      <c r="B1640" s="2">
        <v>3.4212962962962966E-2</v>
      </c>
      <c r="C1640">
        <v>107.89199999999998</v>
      </c>
      <c r="D1640">
        <v>215.78399999999996</v>
      </c>
    </row>
    <row r="1641" spans="1:4" x14ac:dyDescent="0.25">
      <c r="A1641" s="1">
        <v>41860</v>
      </c>
      <c r="B1641" s="2">
        <v>0.20820601851851853</v>
      </c>
      <c r="C1641">
        <v>107.95859999999999</v>
      </c>
      <c r="D1641">
        <v>215.91719999999998</v>
      </c>
    </row>
    <row r="1642" spans="1:4" x14ac:dyDescent="0.25">
      <c r="A1642" s="1">
        <v>41860</v>
      </c>
      <c r="B1642" s="2">
        <v>0.39466435185185184</v>
      </c>
      <c r="C1642">
        <v>108.0252</v>
      </c>
      <c r="D1642">
        <v>216.0504</v>
      </c>
    </row>
    <row r="1643" spans="1:4" x14ac:dyDescent="0.25">
      <c r="A1643" s="1">
        <v>41860</v>
      </c>
      <c r="B1643" s="2">
        <v>0.56971064814814809</v>
      </c>
      <c r="C1643">
        <v>108.09179999999999</v>
      </c>
      <c r="D1643">
        <v>216.18359999999998</v>
      </c>
    </row>
    <row r="1644" spans="1:4" x14ac:dyDescent="0.25">
      <c r="A1644" s="1">
        <v>41860</v>
      </c>
      <c r="B1644" s="2">
        <v>0.76228009259259266</v>
      </c>
      <c r="C1644">
        <v>108.1584</v>
      </c>
      <c r="D1644">
        <v>216.3168</v>
      </c>
    </row>
    <row r="1645" spans="1:4" x14ac:dyDescent="0.25">
      <c r="A1645" s="1">
        <v>41861</v>
      </c>
      <c r="B1645" s="2">
        <v>1.2627314814814815E-2</v>
      </c>
      <c r="C1645">
        <v>108.22499999999998</v>
      </c>
      <c r="D1645">
        <v>216.44999999999996</v>
      </c>
    </row>
    <row r="1646" spans="1:4" x14ac:dyDescent="0.25">
      <c r="A1646" s="1">
        <v>41861</v>
      </c>
      <c r="B1646" s="2">
        <v>0.28516203703703707</v>
      </c>
      <c r="C1646">
        <v>108.29159999999999</v>
      </c>
      <c r="D1646">
        <v>216.58319999999998</v>
      </c>
    </row>
    <row r="1647" spans="1:4" x14ac:dyDescent="0.25">
      <c r="A1647" s="1">
        <v>41861</v>
      </c>
      <c r="B1647" s="2">
        <v>0.52817129629629633</v>
      </c>
      <c r="C1647">
        <v>108.3582</v>
      </c>
      <c r="D1647">
        <v>216.71639999999999</v>
      </c>
    </row>
    <row r="1648" spans="1:4" x14ac:dyDescent="0.25">
      <c r="A1648" s="1">
        <v>41861</v>
      </c>
      <c r="B1648" s="2">
        <v>0.8160532407407407</v>
      </c>
      <c r="C1648">
        <v>108.42479999999999</v>
      </c>
      <c r="D1648">
        <v>216.84959999999998</v>
      </c>
    </row>
    <row r="1649" spans="1:4" x14ac:dyDescent="0.25">
      <c r="A1649" s="1">
        <v>41862</v>
      </c>
      <c r="B1649" s="2">
        <v>0.21103009259259262</v>
      </c>
      <c r="C1649">
        <v>108.4914</v>
      </c>
      <c r="D1649">
        <v>216.9828</v>
      </c>
    </row>
    <row r="1650" spans="1:4" x14ac:dyDescent="0.25">
      <c r="A1650" s="1">
        <v>41862</v>
      </c>
      <c r="B1650" s="2">
        <v>0.52375000000000005</v>
      </c>
      <c r="C1650">
        <v>108.55799999999998</v>
      </c>
      <c r="D1650">
        <v>217.11599999999996</v>
      </c>
    </row>
    <row r="1651" spans="1:4" x14ac:dyDescent="0.25">
      <c r="A1651" s="1">
        <v>41862</v>
      </c>
      <c r="B1651" s="2">
        <v>0.9371990740740741</v>
      </c>
      <c r="C1651">
        <v>108.62459999999999</v>
      </c>
      <c r="D1651">
        <v>217.24919999999997</v>
      </c>
    </row>
    <row r="1652" spans="1:4" x14ac:dyDescent="0.25">
      <c r="A1652" s="1">
        <v>41863</v>
      </c>
      <c r="B1652" s="2">
        <v>0.38353009259259258</v>
      </c>
      <c r="C1652">
        <v>108.69119999999999</v>
      </c>
      <c r="D1652">
        <v>217.38239999999999</v>
      </c>
    </row>
    <row r="1653" spans="1:4" x14ac:dyDescent="0.25">
      <c r="A1653" s="1">
        <v>41863</v>
      </c>
      <c r="B1653" s="2">
        <v>0.85099537037037043</v>
      </c>
      <c r="C1653">
        <v>108.75779999999999</v>
      </c>
      <c r="D1653">
        <v>217.51559999999998</v>
      </c>
    </row>
    <row r="1654" spans="1:4" x14ac:dyDescent="0.25">
      <c r="A1654" s="1">
        <v>41864</v>
      </c>
      <c r="B1654" s="2">
        <v>0.4070833333333333</v>
      </c>
      <c r="C1654">
        <v>108.8244</v>
      </c>
      <c r="D1654">
        <v>217.64879999999999</v>
      </c>
    </row>
    <row r="1655" spans="1:4" x14ac:dyDescent="0.25">
      <c r="A1655" s="1">
        <v>41864</v>
      </c>
      <c r="B1655" s="2">
        <v>0.90393518518518512</v>
      </c>
      <c r="C1655">
        <v>108.89099999999999</v>
      </c>
      <c r="D1655">
        <v>217.78199999999998</v>
      </c>
    </row>
    <row r="1656" spans="1:4" x14ac:dyDescent="0.25">
      <c r="A1656" s="1">
        <v>41865</v>
      </c>
      <c r="B1656" s="2">
        <v>3.6041666666666666E-2</v>
      </c>
      <c r="C1656">
        <v>108.95759999999999</v>
      </c>
      <c r="D1656">
        <v>217.91519999999997</v>
      </c>
    </row>
    <row r="1657" spans="1:4" x14ac:dyDescent="0.25">
      <c r="A1657" s="1">
        <v>41865</v>
      </c>
      <c r="B1657" s="2">
        <v>0.19768518518518519</v>
      </c>
      <c r="C1657">
        <v>109.02419999999999</v>
      </c>
      <c r="D1657">
        <v>218.04839999999999</v>
      </c>
    </row>
    <row r="1658" spans="1:4" x14ac:dyDescent="0.25">
      <c r="A1658" s="1">
        <v>41865</v>
      </c>
      <c r="B1658" s="2">
        <v>0.2971064814814815</v>
      </c>
      <c r="C1658">
        <v>109.09079999999999</v>
      </c>
      <c r="D1658">
        <v>218.18159999999997</v>
      </c>
    </row>
    <row r="1659" spans="1:4" x14ac:dyDescent="0.25">
      <c r="A1659" s="1">
        <v>41865</v>
      </c>
      <c r="B1659" s="2">
        <v>0.35776620370370371</v>
      </c>
      <c r="C1659">
        <v>109.1574</v>
      </c>
      <c r="D1659">
        <v>218.31479999999999</v>
      </c>
    </row>
    <row r="1660" spans="1:4" x14ac:dyDescent="0.25">
      <c r="A1660" s="1">
        <v>41865</v>
      </c>
      <c r="B1660" s="2">
        <v>0.36465277777777777</v>
      </c>
      <c r="C1660">
        <v>109.22399999999999</v>
      </c>
      <c r="D1660">
        <v>218.44799999999998</v>
      </c>
    </row>
    <row r="1661" spans="1:4" x14ac:dyDescent="0.25">
      <c r="A1661" s="1">
        <v>41865</v>
      </c>
      <c r="B1661" s="2">
        <v>0.36861111111111106</v>
      </c>
      <c r="C1661">
        <v>109.2906</v>
      </c>
      <c r="D1661">
        <v>218.5812</v>
      </c>
    </row>
    <row r="1662" spans="1:4" x14ac:dyDescent="0.25">
      <c r="A1662" s="1">
        <v>41865</v>
      </c>
      <c r="B1662" s="2">
        <v>0.37202546296296296</v>
      </c>
      <c r="C1662">
        <v>109.35719999999999</v>
      </c>
      <c r="D1662">
        <v>218.71439999999998</v>
      </c>
    </row>
    <row r="1663" spans="1:4" x14ac:dyDescent="0.25">
      <c r="A1663" s="1">
        <v>41865</v>
      </c>
      <c r="B1663" s="2">
        <v>0.37495370370370368</v>
      </c>
      <c r="C1663">
        <v>109.42379999999999</v>
      </c>
      <c r="D1663">
        <v>218.84759999999997</v>
      </c>
    </row>
    <row r="1664" spans="1:4" x14ac:dyDescent="0.25">
      <c r="A1664" s="1">
        <v>41865</v>
      </c>
      <c r="B1664" s="2">
        <v>0.37755787037037036</v>
      </c>
      <c r="C1664">
        <v>109.49039999999999</v>
      </c>
      <c r="D1664">
        <v>218.98079999999999</v>
      </c>
    </row>
    <row r="1665" spans="1:4" x14ac:dyDescent="0.25">
      <c r="A1665" s="1">
        <v>41865</v>
      </c>
      <c r="B1665" s="2">
        <v>0.37982638888888887</v>
      </c>
      <c r="C1665">
        <v>109.55699999999999</v>
      </c>
      <c r="D1665">
        <v>219.11399999999998</v>
      </c>
    </row>
    <row r="1666" spans="1:4" x14ac:dyDescent="0.25">
      <c r="A1666" s="1">
        <v>41865</v>
      </c>
      <c r="B1666" s="2">
        <v>0.38202546296296297</v>
      </c>
      <c r="C1666">
        <v>109.6236</v>
      </c>
      <c r="D1666">
        <v>219.24719999999999</v>
      </c>
    </row>
    <row r="1667" spans="1:4" x14ac:dyDescent="0.25">
      <c r="A1667" s="1">
        <v>41865</v>
      </c>
      <c r="B1667" s="2">
        <v>0.38403935185185184</v>
      </c>
      <c r="C1667">
        <v>109.69019999999999</v>
      </c>
      <c r="D1667">
        <v>219.38039999999998</v>
      </c>
    </row>
    <row r="1668" spans="1:4" x14ac:dyDescent="0.25">
      <c r="A1668" s="1">
        <v>41865</v>
      </c>
      <c r="B1668" s="2">
        <v>0.38606481481481486</v>
      </c>
      <c r="C1668">
        <v>109.75679999999998</v>
      </c>
      <c r="D1668">
        <v>219.51359999999997</v>
      </c>
    </row>
    <row r="1669" spans="1:4" x14ac:dyDescent="0.25">
      <c r="A1669" s="1">
        <v>41865</v>
      </c>
      <c r="B1669" s="2">
        <v>0.38800925925925928</v>
      </c>
      <c r="C1669">
        <v>109.82339999999999</v>
      </c>
      <c r="D1669">
        <v>219.64679999999998</v>
      </c>
    </row>
    <row r="1670" spans="1:4" x14ac:dyDescent="0.25">
      <c r="A1670" s="1">
        <v>41865</v>
      </c>
      <c r="B1670" s="2">
        <v>0.39002314814814815</v>
      </c>
      <c r="C1670">
        <v>109.88999999999999</v>
      </c>
      <c r="D1670">
        <v>219.77999999999997</v>
      </c>
    </row>
    <row r="1671" spans="1:4" x14ac:dyDescent="0.25">
      <c r="A1671" s="1">
        <v>41865</v>
      </c>
      <c r="B1671" s="2">
        <v>0.39194444444444443</v>
      </c>
      <c r="C1671">
        <v>109.95659999999999</v>
      </c>
      <c r="D1671">
        <v>219.91319999999999</v>
      </c>
    </row>
    <row r="1672" spans="1:4" x14ac:dyDescent="0.25">
      <c r="A1672" s="1">
        <v>41865</v>
      </c>
      <c r="B1672" s="2">
        <v>0.39396990740740739</v>
      </c>
      <c r="C1672">
        <v>110.0232</v>
      </c>
      <c r="D1672">
        <v>220.04640000000001</v>
      </c>
    </row>
    <row r="1673" spans="1:4" x14ac:dyDescent="0.25">
      <c r="A1673" s="1">
        <v>41865</v>
      </c>
      <c r="B1673" s="2">
        <v>0.39591435185185181</v>
      </c>
      <c r="C1673">
        <v>110.08979999999998</v>
      </c>
      <c r="D1673">
        <v>220.17959999999997</v>
      </c>
    </row>
    <row r="1674" spans="1:4" x14ac:dyDescent="0.25">
      <c r="A1674" s="1">
        <v>41865</v>
      </c>
      <c r="B1674" s="2">
        <v>0.39793981481481483</v>
      </c>
      <c r="C1674">
        <v>110.15639999999999</v>
      </c>
      <c r="D1674">
        <v>220.31279999999998</v>
      </c>
    </row>
    <row r="1675" spans="1:4" x14ac:dyDescent="0.25">
      <c r="A1675" s="1">
        <v>41865</v>
      </c>
      <c r="B1675" s="2">
        <v>0.39981481481481485</v>
      </c>
      <c r="C1675">
        <v>110.22299999999998</v>
      </c>
      <c r="D1675">
        <v>220.44599999999997</v>
      </c>
    </row>
    <row r="1676" spans="1:4" x14ac:dyDescent="0.25">
      <c r="A1676" s="1">
        <v>41865</v>
      </c>
      <c r="B1676" s="2">
        <v>0.40171296296296299</v>
      </c>
      <c r="C1676">
        <v>110.28959999999999</v>
      </c>
      <c r="D1676">
        <v>220.57919999999999</v>
      </c>
    </row>
    <row r="1677" spans="1:4" x14ac:dyDescent="0.25">
      <c r="A1677" s="1">
        <v>41865</v>
      </c>
      <c r="B1677" s="2">
        <v>0.4035069444444444</v>
      </c>
      <c r="C1677">
        <v>110.3562</v>
      </c>
      <c r="D1677">
        <v>220.7124</v>
      </c>
    </row>
    <row r="1678" spans="1:4" x14ac:dyDescent="0.25">
      <c r="A1678" s="1">
        <v>41865</v>
      </c>
      <c r="B1678" s="2">
        <v>0.40528935185185189</v>
      </c>
      <c r="C1678">
        <v>110.4228</v>
      </c>
      <c r="D1678">
        <v>220.84559999999999</v>
      </c>
    </row>
    <row r="1679" spans="1:4" x14ac:dyDescent="0.25">
      <c r="A1679" s="1">
        <v>41865</v>
      </c>
      <c r="B1679" s="2">
        <v>0.40690972222222221</v>
      </c>
      <c r="C1679">
        <v>110.48939999999999</v>
      </c>
      <c r="D1679">
        <v>220.97879999999998</v>
      </c>
    </row>
    <row r="1680" spans="1:4" x14ac:dyDescent="0.25">
      <c r="A1680" s="1">
        <v>41865</v>
      </c>
      <c r="B1680" s="2">
        <v>0.40847222222222218</v>
      </c>
      <c r="C1680">
        <v>110.55599999999998</v>
      </c>
      <c r="D1680">
        <v>221.11199999999997</v>
      </c>
    </row>
    <row r="1681" spans="1:4" x14ac:dyDescent="0.25">
      <c r="A1681" s="1">
        <v>41865</v>
      </c>
      <c r="B1681" s="2">
        <v>0.40986111111111106</v>
      </c>
      <c r="C1681">
        <v>110.62259999999999</v>
      </c>
      <c r="D1681">
        <v>221.24519999999998</v>
      </c>
    </row>
    <row r="1682" spans="1:4" x14ac:dyDescent="0.25">
      <c r="A1682" s="1">
        <v>41865</v>
      </c>
      <c r="B1682" s="2">
        <v>0.41120370370370374</v>
      </c>
      <c r="C1682">
        <v>110.6892</v>
      </c>
      <c r="D1682">
        <v>221.3784</v>
      </c>
    </row>
    <row r="1683" spans="1:4" x14ac:dyDescent="0.25">
      <c r="A1683" s="1">
        <v>41865</v>
      </c>
      <c r="B1683" s="2">
        <v>0.41246527777777775</v>
      </c>
      <c r="C1683">
        <v>110.75579999999999</v>
      </c>
      <c r="D1683">
        <v>221.51159999999999</v>
      </c>
    </row>
    <row r="1684" spans="1:4" x14ac:dyDescent="0.25">
      <c r="A1684" s="1">
        <v>41865</v>
      </c>
      <c r="B1684" s="2">
        <v>0.41369212962962965</v>
      </c>
      <c r="C1684">
        <v>110.82239999999999</v>
      </c>
      <c r="D1684">
        <v>221.64479999999998</v>
      </c>
    </row>
    <row r="1685" spans="1:4" x14ac:dyDescent="0.25">
      <c r="A1685" s="1">
        <v>41865</v>
      </c>
      <c r="B1685" s="2">
        <v>0.41483796296296299</v>
      </c>
      <c r="C1685">
        <v>110.88899999999998</v>
      </c>
      <c r="D1685">
        <v>221.77799999999996</v>
      </c>
    </row>
    <row r="1686" spans="1:4" x14ac:dyDescent="0.25">
      <c r="A1686" s="1">
        <v>41865</v>
      </c>
      <c r="B1686" s="2">
        <v>0.41601851851851851</v>
      </c>
      <c r="C1686">
        <v>110.95559999999999</v>
      </c>
      <c r="D1686">
        <v>221.91119999999998</v>
      </c>
    </row>
    <row r="1687" spans="1:4" x14ac:dyDescent="0.25">
      <c r="A1687" s="1">
        <v>41865</v>
      </c>
      <c r="B1687" s="2">
        <v>0.41715277777777776</v>
      </c>
      <c r="C1687">
        <v>111.0222</v>
      </c>
      <c r="D1687">
        <v>222.0444</v>
      </c>
    </row>
    <row r="1688" spans="1:4" x14ac:dyDescent="0.25">
      <c r="A1688" s="1">
        <v>41865</v>
      </c>
      <c r="B1688" s="2">
        <v>0.41832175925925924</v>
      </c>
      <c r="C1688">
        <v>111.08879999999999</v>
      </c>
      <c r="D1688">
        <v>222.17759999999998</v>
      </c>
    </row>
    <row r="1689" spans="1:4" x14ac:dyDescent="0.25">
      <c r="A1689" s="1">
        <v>41865</v>
      </c>
      <c r="B1689" s="2">
        <v>0.41943287037037041</v>
      </c>
      <c r="C1689">
        <v>111.1554</v>
      </c>
      <c r="D1689">
        <v>222.3108</v>
      </c>
    </row>
    <row r="1690" spans="1:4" x14ac:dyDescent="0.25">
      <c r="A1690" s="1">
        <v>41865</v>
      </c>
      <c r="B1690" s="2">
        <v>0.42062500000000003</v>
      </c>
      <c r="C1690">
        <v>111.22199999999998</v>
      </c>
      <c r="D1690">
        <v>222.44399999999996</v>
      </c>
    </row>
    <row r="1691" spans="1:4" x14ac:dyDescent="0.25">
      <c r="A1691" s="1">
        <v>41865</v>
      </c>
      <c r="B1691" s="2">
        <v>0.42177083333333337</v>
      </c>
      <c r="C1691">
        <v>111.28859999999999</v>
      </c>
      <c r="D1691">
        <v>222.57719999999998</v>
      </c>
    </row>
    <row r="1692" spans="1:4" x14ac:dyDescent="0.25">
      <c r="A1692" s="1">
        <v>41865</v>
      </c>
      <c r="B1692" s="2">
        <v>0.42297453703703702</v>
      </c>
      <c r="C1692">
        <v>111.3552</v>
      </c>
      <c r="D1692">
        <v>222.71039999999999</v>
      </c>
    </row>
    <row r="1693" spans="1:4" x14ac:dyDescent="0.25">
      <c r="A1693" s="1">
        <v>41865</v>
      </c>
      <c r="B1693" s="2">
        <v>0.4241435185185185</v>
      </c>
      <c r="C1693">
        <v>111.42179999999999</v>
      </c>
      <c r="D1693">
        <v>222.84359999999998</v>
      </c>
    </row>
    <row r="1694" spans="1:4" x14ac:dyDescent="0.25">
      <c r="A1694" s="1">
        <v>41865</v>
      </c>
      <c r="B1694" s="2">
        <v>0.42539351851851853</v>
      </c>
      <c r="C1694">
        <v>111.4884</v>
      </c>
      <c r="D1694">
        <v>222.9768</v>
      </c>
    </row>
    <row r="1695" spans="1:4" x14ac:dyDescent="0.25">
      <c r="A1695" s="1">
        <v>41865</v>
      </c>
      <c r="B1695" s="2">
        <v>0.42660879629629633</v>
      </c>
      <c r="C1695">
        <v>111.55499999999998</v>
      </c>
      <c r="D1695">
        <v>223.10999999999996</v>
      </c>
    </row>
    <row r="1696" spans="1:4" x14ac:dyDescent="0.25">
      <c r="A1696" s="1">
        <v>41865</v>
      </c>
      <c r="B1696" s="2">
        <v>0.42790509259259263</v>
      </c>
      <c r="C1696">
        <v>111.62159999999999</v>
      </c>
      <c r="D1696">
        <v>223.24319999999997</v>
      </c>
    </row>
    <row r="1697" spans="1:4" x14ac:dyDescent="0.25">
      <c r="A1697" s="1">
        <v>41865</v>
      </c>
      <c r="B1697" s="2">
        <v>0.4291550925925926</v>
      </c>
      <c r="C1697">
        <v>111.68819999999999</v>
      </c>
      <c r="D1697">
        <v>223.37639999999999</v>
      </c>
    </row>
    <row r="1698" spans="1:4" x14ac:dyDescent="0.25">
      <c r="A1698" s="1">
        <v>41865</v>
      </c>
      <c r="B1698" s="2">
        <v>0.4305208333333333</v>
      </c>
      <c r="C1698">
        <v>111.75479999999999</v>
      </c>
      <c r="D1698">
        <v>223.50959999999998</v>
      </c>
    </row>
    <row r="1699" spans="1:4" x14ac:dyDescent="0.25">
      <c r="A1699" s="1">
        <v>41865</v>
      </c>
      <c r="B1699" s="2">
        <v>0.43184027777777773</v>
      </c>
      <c r="C1699">
        <v>111.8214</v>
      </c>
      <c r="D1699">
        <v>223.64279999999999</v>
      </c>
    </row>
    <row r="1700" spans="1:4" x14ac:dyDescent="0.25">
      <c r="A1700" s="1">
        <v>41865</v>
      </c>
      <c r="B1700" s="2">
        <v>0.43324074074074076</v>
      </c>
      <c r="C1700">
        <v>111.88799999999999</v>
      </c>
      <c r="D1700">
        <v>223.77599999999998</v>
      </c>
    </row>
    <row r="1701" spans="1:4" x14ac:dyDescent="0.25">
      <c r="A1701" s="1">
        <v>41865</v>
      </c>
      <c r="B1701" s="2">
        <v>0.4346180555555556</v>
      </c>
      <c r="C1701">
        <v>111.95459999999999</v>
      </c>
      <c r="D1701">
        <v>223.90919999999997</v>
      </c>
    </row>
    <row r="1702" spans="1:4" x14ac:dyDescent="0.25">
      <c r="A1702" s="1">
        <v>41865</v>
      </c>
      <c r="B1702" s="2">
        <v>0.43608796296296298</v>
      </c>
      <c r="C1702">
        <v>112.02119999999999</v>
      </c>
      <c r="D1702">
        <v>224.04239999999999</v>
      </c>
    </row>
    <row r="1703" spans="1:4" x14ac:dyDescent="0.25">
      <c r="A1703" s="1">
        <v>41865</v>
      </c>
      <c r="B1703" s="2">
        <v>0.43754629629629632</v>
      </c>
      <c r="C1703">
        <v>112.08779999999999</v>
      </c>
      <c r="D1703">
        <v>224.17559999999997</v>
      </c>
    </row>
    <row r="1704" spans="1:4" x14ac:dyDescent="0.25">
      <c r="A1704" s="1">
        <v>41865</v>
      </c>
      <c r="B1704" s="2">
        <v>0.43907407407407412</v>
      </c>
      <c r="C1704">
        <v>112.1544</v>
      </c>
      <c r="D1704">
        <v>224.30879999999999</v>
      </c>
    </row>
    <row r="1705" spans="1:4" x14ac:dyDescent="0.25">
      <c r="A1705" s="1">
        <v>41865</v>
      </c>
      <c r="B1705" s="2">
        <v>0.4406018518518518</v>
      </c>
      <c r="C1705">
        <v>112.22099999999999</v>
      </c>
      <c r="D1705">
        <v>224.44199999999998</v>
      </c>
    </row>
    <row r="1706" spans="1:4" x14ac:dyDescent="0.25">
      <c r="A1706" s="1">
        <v>41865</v>
      </c>
      <c r="B1706" s="2">
        <v>0.44224537037037037</v>
      </c>
      <c r="C1706">
        <v>112.2876</v>
      </c>
      <c r="D1706">
        <v>224.5752</v>
      </c>
    </row>
    <row r="1707" spans="1:4" x14ac:dyDescent="0.25">
      <c r="A1707" s="1">
        <v>41865</v>
      </c>
      <c r="B1707" s="2">
        <v>0.44385416666666666</v>
      </c>
      <c r="C1707">
        <v>112.35419999999999</v>
      </c>
      <c r="D1707">
        <v>224.70839999999998</v>
      </c>
    </row>
    <row r="1708" spans="1:4" x14ac:dyDescent="0.25">
      <c r="A1708" s="1">
        <v>41865</v>
      </c>
      <c r="B1708" s="2">
        <v>0.44559027777777777</v>
      </c>
      <c r="C1708">
        <v>112.42079999999999</v>
      </c>
      <c r="D1708">
        <v>224.84159999999997</v>
      </c>
    </row>
    <row r="1709" spans="1:4" x14ac:dyDescent="0.25">
      <c r="A1709" s="1">
        <v>41865</v>
      </c>
      <c r="B1709" s="2">
        <v>0.44729166666666664</v>
      </c>
      <c r="C1709">
        <v>112.48739999999999</v>
      </c>
      <c r="D1709">
        <v>224.97479999999999</v>
      </c>
    </row>
    <row r="1710" spans="1:4" x14ac:dyDescent="0.25">
      <c r="A1710" s="1">
        <v>41865</v>
      </c>
      <c r="B1710" s="2">
        <v>0.44912037037037034</v>
      </c>
      <c r="C1710">
        <v>112.55399999999999</v>
      </c>
      <c r="D1710">
        <v>225.10799999999998</v>
      </c>
    </row>
    <row r="1711" spans="1:4" x14ac:dyDescent="0.25">
      <c r="A1711" s="1">
        <v>41865</v>
      </c>
      <c r="B1711" s="2">
        <v>0.45092592592592595</v>
      </c>
      <c r="C1711">
        <v>112.6206</v>
      </c>
      <c r="D1711">
        <v>225.24119999999999</v>
      </c>
    </row>
    <row r="1712" spans="1:4" x14ac:dyDescent="0.25">
      <c r="A1712" s="1">
        <v>41865</v>
      </c>
      <c r="B1712" s="2">
        <v>0.45287037037037042</v>
      </c>
      <c r="C1712">
        <v>112.68719999999999</v>
      </c>
      <c r="D1712">
        <v>225.37439999999998</v>
      </c>
    </row>
    <row r="1713" spans="1:4" x14ac:dyDescent="0.25">
      <c r="A1713" s="1">
        <v>41865</v>
      </c>
      <c r="B1713" s="2">
        <v>0.45480324074074074</v>
      </c>
      <c r="C1713">
        <v>112.75379999999998</v>
      </c>
      <c r="D1713">
        <v>225.50759999999997</v>
      </c>
    </row>
    <row r="1714" spans="1:4" x14ac:dyDescent="0.25">
      <c r="A1714" s="1">
        <v>41865</v>
      </c>
      <c r="B1714" s="2">
        <v>0.45688657407407413</v>
      </c>
      <c r="C1714">
        <v>112.82039999999999</v>
      </c>
      <c r="D1714">
        <v>225.64079999999998</v>
      </c>
    </row>
    <row r="1715" spans="1:4" x14ac:dyDescent="0.25">
      <c r="A1715" s="1">
        <v>41865</v>
      </c>
      <c r="B1715" s="2">
        <v>0.45893518518518522</v>
      </c>
      <c r="C1715">
        <v>112.88699999999999</v>
      </c>
      <c r="D1715">
        <v>225.77399999999997</v>
      </c>
    </row>
    <row r="1716" spans="1:4" x14ac:dyDescent="0.25">
      <c r="A1716" s="1">
        <v>41865</v>
      </c>
      <c r="B1716" s="2">
        <v>0.4611574074074074</v>
      </c>
      <c r="C1716">
        <v>112.95359999999999</v>
      </c>
      <c r="D1716">
        <v>225.90719999999999</v>
      </c>
    </row>
    <row r="1717" spans="1:4" x14ac:dyDescent="0.25">
      <c r="A1717" s="1">
        <v>41865</v>
      </c>
      <c r="B1717" s="2">
        <v>0.46334490740740741</v>
      </c>
      <c r="C1717">
        <v>113.0202</v>
      </c>
      <c r="D1717">
        <v>226.04040000000001</v>
      </c>
    </row>
    <row r="1718" spans="1:4" x14ac:dyDescent="0.25">
      <c r="A1718" s="1">
        <v>41865</v>
      </c>
      <c r="B1718" s="2">
        <v>0.46572916666666669</v>
      </c>
      <c r="C1718">
        <v>113.08679999999998</v>
      </c>
      <c r="D1718">
        <v>226.17359999999996</v>
      </c>
    </row>
    <row r="1719" spans="1:4" x14ac:dyDescent="0.25">
      <c r="A1719" s="1">
        <v>41865</v>
      </c>
      <c r="B1719" s="2">
        <v>0.46807870370370369</v>
      </c>
      <c r="C1719">
        <v>113.15339999999999</v>
      </c>
      <c r="D1719">
        <v>226.30679999999998</v>
      </c>
    </row>
    <row r="1720" spans="1:4" x14ac:dyDescent="0.25">
      <c r="A1720" s="1">
        <v>41865</v>
      </c>
      <c r="B1720" s="2">
        <v>0.47062500000000002</v>
      </c>
      <c r="C1720">
        <v>113.21999999999998</v>
      </c>
      <c r="D1720">
        <v>226.43999999999997</v>
      </c>
    </row>
    <row r="1721" spans="1:4" x14ac:dyDescent="0.25">
      <c r="A1721" s="1">
        <v>41865</v>
      </c>
      <c r="B1721" s="2">
        <v>0.47312500000000002</v>
      </c>
      <c r="C1721">
        <v>113.28659999999999</v>
      </c>
      <c r="D1721">
        <v>226.57319999999999</v>
      </c>
    </row>
    <row r="1722" spans="1:4" x14ac:dyDescent="0.25">
      <c r="A1722" s="1">
        <v>41865</v>
      </c>
      <c r="B1722" s="2">
        <v>0.47585648148148146</v>
      </c>
      <c r="C1722">
        <v>113.3532</v>
      </c>
      <c r="D1722">
        <v>226.7064</v>
      </c>
    </row>
    <row r="1723" spans="1:4" x14ac:dyDescent="0.25">
      <c r="A1723" s="1">
        <v>41865</v>
      </c>
      <c r="B1723" s="2">
        <v>0.4785300925925926</v>
      </c>
      <c r="C1723">
        <v>113.4198</v>
      </c>
      <c r="D1723">
        <v>226.83959999999999</v>
      </c>
    </row>
    <row r="1724" spans="1:4" x14ac:dyDescent="0.25">
      <c r="A1724" s="1">
        <v>41865</v>
      </c>
      <c r="B1724" s="2">
        <v>0.48140046296296296</v>
      </c>
      <c r="C1724">
        <v>113.48639999999999</v>
      </c>
      <c r="D1724">
        <v>226.97279999999998</v>
      </c>
    </row>
    <row r="1725" spans="1:4" x14ac:dyDescent="0.25">
      <c r="A1725" s="1">
        <v>41865</v>
      </c>
      <c r="B1725" s="2">
        <v>0.48420138888888892</v>
      </c>
      <c r="C1725">
        <v>113.55299999999998</v>
      </c>
      <c r="D1725">
        <v>227.10599999999997</v>
      </c>
    </row>
    <row r="1726" spans="1:4" x14ac:dyDescent="0.25">
      <c r="A1726" s="1">
        <v>41865</v>
      </c>
      <c r="B1726" s="2">
        <v>0.48721064814814818</v>
      </c>
      <c r="C1726">
        <v>113.61959999999999</v>
      </c>
      <c r="D1726">
        <v>227.23919999999998</v>
      </c>
    </row>
    <row r="1727" spans="1:4" x14ac:dyDescent="0.25">
      <c r="A1727" s="1">
        <v>41865</v>
      </c>
      <c r="B1727" s="2">
        <v>0.49012731481481481</v>
      </c>
      <c r="C1727">
        <v>113.6862</v>
      </c>
      <c r="D1727">
        <v>227.3724</v>
      </c>
    </row>
    <row r="1728" spans="1:4" x14ac:dyDescent="0.25">
      <c r="A1728" s="1">
        <v>41865</v>
      </c>
      <c r="B1728" s="2">
        <v>0.49328703703703702</v>
      </c>
      <c r="C1728">
        <v>113.75279999999999</v>
      </c>
      <c r="D1728">
        <v>227.50559999999999</v>
      </c>
    </row>
    <row r="1729" spans="1:4" x14ac:dyDescent="0.25">
      <c r="A1729" s="1">
        <v>41865</v>
      </c>
      <c r="B1729" s="2">
        <v>0.49633101851851852</v>
      </c>
      <c r="C1729">
        <v>113.81939999999999</v>
      </c>
      <c r="D1729">
        <v>227.63879999999997</v>
      </c>
    </row>
    <row r="1730" spans="1:4" x14ac:dyDescent="0.25">
      <c r="A1730" s="1">
        <v>41865</v>
      </c>
      <c r="B1730" s="2">
        <v>0.49958333333333332</v>
      </c>
      <c r="C1730">
        <v>113.88599999999998</v>
      </c>
      <c r="D1730">
        <v>227.77199999999996</v>
      </c>
    </row>
    <row r="1731" spans="1:4" x14ac:dyDescent="0.25">
      <c r="A1731" s="1">
        <v>41865</v>
      </c>
      <c r="B1731" s="2">
        <v>0.50275462962962958</v>
      </c>
      <c r="C1731">
        <v>113.95259999999999</v>
      </c>
      <c r="D1731">
        <v>227.90519999999998</v>
      </c>
    </row>
    <row r="1732" spans="1:4" x14ac:dyDescent="0.25">
      <c r="A1732" s="1">
        <v>41865</v>
      </c>
      <c r="B1732" s="2">
        <v>0.50618055555555552</v>
      </c>
      <c r="C1732">
        <v>114.0192</v>
      </c>
      <c r="D1732">
        <v>228.0384</v>
      </c>
    </row>
    <row r="1733" spans="1:4" x14ac:dyDescent="0.25">
      <c r="A1733" s="1">
        <v>41865</v>
      </c>
      <c r="B1733" s="2">
        <v>0.50949074074074074</v>
      </c>
      <c r="C1733">
        <v>114.08579999999999</v>
      </c>
      <c r="D1733">
        <v>228.17159999999998</v>
      </c>
    </row>
    <row r="1734" spans="1:4" x14ac:dyDescent="0.25">
      <c r="A1734" s="1">
        <v>41865</v>
      </c>
      <c r="B1734" s="2">
        <v>0.51307870370370368</v>
      </c>
      <c r="C1734">
        <v>114.1524</v>
      </c>
      <c r="D1734">
        <v>228.3048</v>
      </c>
    </row>
    <row r="1735" spans="1:4" x14ac:dyDescent="0.25">
      <c r="A1735" s="1">
        <v>41865</v>
      </c>
      <c r="B1735" s="2">
        <v>0.51656250000000004</v>
      </c>
      <c r="C1735">
        <v>114.21899999999998</v>
      </c>
      <c r="D1735">
        <v>228.43799999999996</v>
      </c>
    </row>
    <row r="1736" spans="1:4" x14ac:dyDescent="0.25">
      <c r="A1736" s="1">
        <v>41865</v>
      </c>
      <c r="B1736" s="2">
        <v>0.52026620370370369</v>
      </c>
      <c r="C1736">
        <v>114.28559999999999</v>
      </c>
      <c r="D1736">
        <v>228.57119999999998</v>
      </c>
    </row>
    <row r="1737" spans="1:4" x14ac:dyDescent="0.25">
      <c r="A1737" s="1">
        <v>41865</v>
      </c>
      <c r="B1737" s="2">
        <v>0.52392361111111108</v>
      </c>
      <c r="C1737">
        <v>114.3522</v>
      </c>
      <c r="D1737">
        <v>228.70439999999999</v>
      </c>
    </row>
    <row r="1738" spans="1:4" x14ac:dyDescent="0.25">
      <c r="A1738" s="1">
        <v>41865</v>
      </c>
      <c r="B1738" s="2">
        <v>0.52780092592592587</v>
      </c>
      <c r="C1738">
        <v>114.41879999999999</v>
      </c>
      <c r="D1738">
        <v>228.83759999999998</v>
      </c>
    </row>
    <row r="1739" spans="1:4" x14ac:dyDescent="0.25">
      <c r="A1739" s="1">
        <v>41865</v>
      </c>
      <c r="B1739" s="2">
        <v>0.53148148148148155</v>
      </c>
      <c r="C1739">
        <v>114.4854</v>
      </c>
      <c r="D1739">
        <v>228.9708</v>
      </c>
    </row>
    <row r="1740" spans="1:4" x14ac:dyDescent="0.25">
      <c r="A1740" s="1">
        <v>41865</v>
      </c>
      <c r="B1740" s="2">
        <v>0.53540509259259261</v>
      </c>
      <c r="C1740">
        <v>114.55199999999999</v>
      </c>
      <c r="D1740">
        <v>229.10399999999998</v>
      </c>
    </row>
    <row r="1741" spans="1:4" x14ac:dyDescent="0.25">
      <c r="A1741" s="1">
        <v>41865</v>
      </c>
      <c r="B1741" s="2">
        <v>0.53918981481481476</v>
      </c>
      <c r="C1741">
        <v>114.61859999999999</v>
      </c>
      <c r="D1741">
        <v>229.23719999999997</v>
      </c>
    </row>
    <row r="1742" spans="1:4" x14ac:dyDescent="0.25">
      <c r="A1742" s="1">
        <v>41865</v>
      </c>
      <c r="B1742" s="2">
        <v>0.54317129629629635</v>
      </c>
      <c r="C1742">
        <v>114.68519999999999</v>
      </c>
      <c r="D1742">
        <v>229.37039999999999</v>
      </c>
    </row>
    <row r="1743" spans="1:4" x14ac:dyDescent="0.25">
      <c r="A1743" s="1">
        <v>41865</v>
      </c>
      <c r="B1743" s="2">
        <v>0.54677083333333332</v>
      </c>
      <c r="C1743">
        <v>114.75179999999999</v>
      </c>
      <c r="D1743">
        <v>229.50359999999998</v>
      </c>
    </row>
    <row r="1744" spans="1:4" x14ac:dyDescent="0.25">
      <c r="A1744" s="1">
        <v>41865</v>
      </c>
      <c r="B1744" s="2">
        <v>0.55021990740740734</v>
      </c>
      <c r="C1744">
        <v>114.8184</v>
      </c>
      <c r="D1744">
        <v>229.63679999999999</v>
      </c>
    </row>
    <row r="1745" spans="1:4" x14ac:dyDescent="0.25">
      <c r="A1745" s="1">
        <v>41865</v>
      </c>
      <c r="B1745" s="2">
        <v>0.55317129629629636</v>
      </c>
      <c r="C1745">
        <v>114.88499999999999</v>
      </c>
      <c r="D1745">
        <v>229.76999999999998</v>
      </c>
    </row>
    <row r="1746" spans="1:4" x14ac:dyDescent="0.25">
      <c r="A1746" s="1">
        <v>41865</v>
      </c>
      <c r="B1746" s="2">
        <v>0.55604166666666666</v>
      </c>
      <c r="C1746">
        <v>114.95159999999998</v>
      </c>
      <c r="D1746">
        <v>229.90319999999997</v>
      </c>
    </row>
    <row r="1747" spans="1:4" x14ac:dyDescent="0.25">
      <c r="A1747" s="1">
        <v>41865</v>
      </c>
      <c r="B1747" s="2">
        <v>0.5585416666666666</v>
      </c>
      <c r="C1747">
        <v>115.01819999999999</v>
      </c>
      <c r="D1747">
        <v>230.03639999999999</v>
      </c>
    </row>
    <row r="1748" spans="1:4" x14ac:dyDescent="0.25">
      <c r="A1748" s="1">
        <v>41865</v>
      </c>
      <c r="B1748" s="2">
        <v>0.56103009259259262</v>
      </c>
      <c r="C1748">
        <v>115.08479999999999</v>
      </c>
      <c r="D1748">
        <v>230.16959999999997</v>
      </c>
    </row>
    <row r="1749" spans="1:4" x14ac:dyDescent="0.25">
      <c r="A1749" s="1">
        <v>41865</v>
      </c>
      <c r="B1749" s="2">
        <v>0.56327546296296294</v>
      </c>
      <c r="C1749">
        <v>115.1514</v>
      </c>
      <c r="D1749">
        <v>230.30279999999999</v>
      </c>
    </row>
    <row r="1750" spans="1:4" x14ac:dyDescent="0.25">
      <c r="A1750" s="1">
        <v>41865</v>
      </c>
      <c r="B1750" s="2">
        <v>0.56557870370370367</v>
      </c>
      <c r="C1750">
        <v>115.21799999999999</v>
      </c>
      <c r="D1750">
        <v>230.43599999999998</v>
      </c>
    </row>
    <row r="1751" spans="1:4" x14ac:dyDescent="0.25">
      <c r="A1751" s="1">
        <v>41865</v>
      </c>
      <c r="B1751" s="2">
        <v>0.56770833333333337</v>
      </c>
      <c r="C1751">
        <v>115.2846</v>
      </c>
      <c r="D1751">
        <v>230.5692</v>
      </c>
    </row>
    <row r="1752" spans="1:4" x14ac:dyDescent="0.25">
      <c r="A1752" s="1">
        <v>41865</v>
      </c>
      <c r="B1752" s="2">
        <v>0.56991898148148146</v>
      </c>
      <c r="C1752">
        <v>115.35119999999999</v>
      </c>
      <c r="D1752">
        <v>230.70239999999998</v>
      </c>
    </row>
    <row r="1753" spans="1:4" x14ac:dyDescent="0.25">
      <c r="A1753" s="1">
        <v>41865</v>
      </c>
      <c r="B1753" s="2">
        <v>0.57197916666666659</v>
      </c>
      <c r="C1753">
        <v>115.41779999999999</v>
      </c>
      <c r="D1753">
        <v>230.83559999999997</v>
      </c>
    </row>
    <row r="1754" spans="1:4" x14ac:dyDescent="0.25">
      <c r="A1754" s="1">
        <v>41865</v>
      </c>
      <c r="B1754" s="2">
        <v>0.57415509259259256</v>
      </c>
      <c r="C1754">
        <v>115.48439999999999</v>
      </c>
      <c r="D1754">
        <v>230.96879999999999</v>
      </c>
    </row>
    <row r="1755" spans="1:4" x14ac:dyDescent="0.25">
      <c r="A1755" s="1">
        <v>41865</v>
      </c>
      <c r="B1755" s="2">
        <v>0.57625000000000004</v>
      </c>
      <c r="C1755">
        <v>115.55099999999999</v>
      </c>
      <c r="D1755">
        <v>231.10199999999998</v>
      </c>
    </row>
    <row r="1756" spans="1:4" x14ac:dyDescent="0.25">
      <c r="A1756" s="1">
        <v>41865</v>
      </c>
      <c r="B1756" s="2">
        <v>0.57849537037037035</v>
      </c>
      <c r="C1756">
        <v>115.6176</v>
      </c>
      <c r="D1756">
        <v>231.23519999999999</v>
      </c>
    </row>
    <row r="1757" spans="1:4" x14ac:dyDescent="0.25">
      <c r="A1757" s="1">
        <v>41865</v>
      </c>
      <c r="B1757" s="2">
        <v>0.5806365740740741</v>
      </c>
      <c r="C1757">
        <v>115.6842</v>
      </c>
      <c r="D1757">
        <v>231.36840000000001</v>
      </c>
    </row>
    <row r="1758" spans="1:4" x14ac:dyDescent="0.25">
      <c r="A1758" s="1">
        <v>41865</v>
      </c>
      <c r="B1758" s="2">
        <v>0.58292824074074068</v>
      </c>
      <c r="C1758">
        <v>115.75079999999998</v>
      </c>
      <c r="D1758">
        <v>231.50159999999997</v>
      </c>
    </row>
    <row r="1759" spans="1:4" x14ac:dyDescent="0.25">
      <c r="A1759" s="1">
        <v>41865</v>
      </c>
      <c r="B1759" s="2">
        <v>0.58513888888888888</v>
      </c>
      <c r="C1759">
        <v>115.81739999999999</v>
      </c>
      <c r="D1759">
        <v>231.63479999999998</v>
      </c>
    </row>
    <row r="1760" spans="1:4" x14ac:dyDescent="0.25">
      <c r="A1760" s="1">
        <v>41865</v>
      </c>
      <c r="B1760" s="2">
        <v>0.58753472222222225</v>
      </c>
      <c r="C1760">
        <v>115.88399999999999</v>
      </c>
      <c r="D1760">
        <v>231.76799999999997</v>
      </c>
    </row>
    <row r="1761" spans="1:4" x14ac:dyDescent="0.25">
      <c r="A1761" s="1">
        <v>41865</v>
      </c>
      <c r="B1761" s="2">
        <v>0.58983796296296298</v>
      </c>
      <c r="C1761">
        <v>115.95059999999999</v>
      </c>
      <c r="D1761">
        <v>231.90119999999999</v>
      </c>
    </row>
    <row r="1762" spans="1:4" x14ac:dyDescent="0.25">
      <c r="A1762" s="1">
        <v>41865</v>
      </c>
      <c r="B1762" s="2">
        <v>0.59236111111111112</v>
      </c>
      <c r="C1762">
        <v>116.0172</v>
      </c>
      <c r="D1762">
        <v>232.03440000000001</v>
      </c>
    </row>
    <row r="1763" spans="1:4" x14ac:dyDescent="0.25">
      <c r="A1763" s="1">
        <v>41865</v>
      </c>
      <c r="B1763" s="2">
        <v>0.59480324074074076</v>
      </c>
      <c r="C1763">
        <v>116.08379999999998</v>
      </c>
      <c r="D1763">
        <v>232.16759999999996</v>
      </c>
    </row>
    <row r="1764" spans="1:4" x14ac:dyDescent="0.25">
      <c r="A1764" s="1">
        <v>41865</v>
      </c>
      <c r="B1764" s="2">
        <v>0.59743055555555558</v>
      </c>
      <c r="C1764">
        <v>116.15039999999999</v>
      </c>
      <c r="D1764">
        <v>232.30079999999998</v>
      </c>
    </row>
    <row r="1765" spans="1:4" x14ac:dyDescent="0.25">
      <c r="A1765" s="1">
        <v>41865</v>
      </c>
      <c r="B1765" s="2">
        <v>0.6</v>
      </c>
      <c r="C1765">
        <v>116.21699999999998</v>
      </c>
      <c r="D1765">
        <v>232.43399999999997</v>
      </c>
    </row>
    <row r="1766" spans="1:4" x14ac:dyDescent="0.25">
      <c r="A1766" s="1">
        <v>41865</v>
      </c>
      <c r="B1766" s="2">
        <v>0.60282407407407412</v>
      </c>
      <c r="C1766">
        <v>116.28359999999999</v>
      </c>
      <c r="D1766">
        <v>232.56719999999999</v>
      </c>
    </row>
    <row r="1767" spans="1:4" x14ac:dyDescent="0.25">
      <c r="A1767" s="1">
        <v>41865</v>
      </c>
      <c r="B1767" s="2">
        <v>0.60554398148148147</v>
      </c>
      <c r="C1767">
        <v>116.3502</v>
      </c>
      <c r="D1767">
        <v>232.7004</v>
      </c>
    </row>
    <row r="1768" spans="1:4" x14ac:dyDescent="0.25">
      <c r="A1768" s="1">
        <v>41865</v>
      </c>
      <c r="B1768" s="2">
        <v>0.60851851851851857</v>
      </c>
      <c r="C1768">
        <v>116.41679999999999</v>
      </c>
      <c r="D1768">
        <v>232.83359999999999</v>
      </c>
    </row>
    <row r="1769" spans="1:4" x14ac:dyDescent="0.25">
      <c r="A1769" s="1">
        <v>41865</v>
      </c>
      <c r="B1769" s="2">
        <v>0.6114236111111111</v>
      </c>
      <c r="C1769">
        <v>116.48339999999999</v>
      </c>
      <c r="D1769">
        <v>232.96679999999998</v>
      </c>
    </row>
    <row r="1770" spans="1:4" x14ac:dyDescent="0.25">
      <c r="A1770" s="1">
        <v>41865</v>
      </c>
      <c r="B1770" s="2">
        <v>0.61461805555555549</v>
      </c>
      <c r="C1770">
        <v>116.54999999999998</v>
      </c>
      <c r="D1770">
        <v>233.09999999999997</v>
      </c>
    </row>
    <row r="1771" spans="1:4" x14ac:dyDescent="0.25">
      <c r="A1771" s="1">
        <v>41865</v>
      </c>
      <c r="B1771" s="2">
        <v>0.6177083333333333</v>
      </c>
      <c r="C1771">
        <v>116.61659999999999</v>
      </c>
      <c r="D1771">
        <v>233.23319999999998</v>
      </c>
    </row>
    <row r="1772" spans="1:4" x14ac:dyDescent="0.25">
      <c r="A1772" s="1">
        <v>41865</v>
      </c>
      <c r="B1772" s="2">
        <v>0.62112268518518521</v>
      </c>
      <c r="C1772">
        <v>116.6832</v>
      </c>
      <c r="D1772">
        <v>233.3664</v>
      </c>
    </row>
    <row r="1773" spans="1:4" x14ac:dyDescent="0.25">
      <c r="A1773" s="1">
        <v>41865</v>
      </c>
      <c r="B1773" s="2">
        <v>0.62443287037037043</v>
      </c>
      <c r="C1773">
        <v>116.74979999999999</v>
      </c>
      <c r="D1773">
        <v>233.49959999999999</v>
      </c>
    </row>
    <row r="1774" spans="1:4" x14ac:dyDescent="0.25">
      <c r="A1774" s="1">
        <v>41865</v>
      </c>
      <c r="B1774" s="2">
        <v>0.62807870370370367</v>
      </c>
      <c r="C1774">
        <v>116.81639999999999</v>
      </c>
      <c r="D1774">
        <v>233.63279999999997</v>
      </c>
    </row>
    <row r="1775" spans="1:4" x14ac:dyDescent="0.25">
      <c r="A1775" s="1">
        <v>41865</v>
      </c>
      <c r="B1775" s="2">
        <v>0.63160879629629629</v>
      </c>
      <c r="C1775">
        <v>116.88299999999998</v>
      </c>
      <c r="D1775">
        <v>233.76599999999996</v>
      </c>
    </row>
    <row r="1776" spans="1:4" x14ac:dyDescent="0.25">
      <c r="A1776" s="1">
        <v>41865</v>
      </c>
      <c r="B1776" s="2">
        <v>0.63550925925925927</v>
      </c>
      <c r="C1776">
        <v>116.94959999999999</v>
      </c>
      <c r="D1776">
        <v>233.89919999999998</v>
      </c>
    </row>
    <row r="1777" spans="1:4" x14ac:dyDescent="0.25">
      <c r="A1777" s="1">
        <v>41865</v>
      </c>
      <c r="B1777" s="2">
        <v>0.63927083333333334</v>
      </c>
      <c r="C1777">
        <v>117.0162</v>
      </c>
      <c r="D1777">
        <v>234.0324</v>
      </c>
    </row>
    <row r="1778" spans="1:4" x14ac:dyDescent="0.25">
      <c r="A1778" s="1">
        <v>41865</v>
      </c>
      <c r="B1778" s="2">
        <v>0.6434375</v>
      </c>
      <c r="C1778">
        <v>117.08279999999999</v>
      </c>
      <c r="D1778">
        <v>234.16559999999998</v>
      </c>
    </row>
    <row r="1779" spans="1:4" x14ac:dyDescent="0.25">
      <c r="A1779" s="1">
        <v>41865</v>
      </c>
      <c r="B1779" s="2">
        <v>0.64746527777777774</v>
      </c>
      <c r="C1779">
        <v>117.1494</v>
      </c>
      <c r="D1779">
        <v>234.2988</v>
      </c>
    </row>
    <row r="1780" spans="1:4" x14ac:dyDescent="0.25">
      <c r="A1780" s="1">
        <v>41865</v>
      </c>
      <c r="B1780" s="2">
        <v>0.65190972222222221</v>
      </c>
      <c r="C1780">
        <v>117.21599999999998</v>
      </c>
      <c r="D1780">
        <v>234.43199999999996</v>
      </c>
    </row>
    <row r="1781" spans="1:4" x14ac:dyDescent="0.25">
      <c r="A1781" s="1">
        <v>41865</v>
      </c>
      <c r="B1781" s="2">
        <v>0.65626157407407404</v>
      </c>
      <c r="C1781">
        <v>117.28259999999999</v>
      </c>
      <c r="D1781">
        <v>234.56519999999998</v>
      </c>
    </row>
    <row r="1782" spans="1:4" x14ac:dyDescent="0.25">
      <c r="A1782" s="1">
        <v>41865</v>
      </c>
      <c r="B1782" s="2">
        <v>0.66098379629629633</v>
      </c>
      <c r="C1782">
        <v>117.3492</v>
      </c>
      <c r="D1782">
        <v>234.69839999999999</v>
      </c>
    </row>
    <row r="1783" spans="1:4" x14ac:dyDescent="0.25">
      <c r="A1783" s="1">
        <v>41865</v>
      </c>
      <c r="B1783" s="2">
        <v>0.66565972222222225</v>
      </c>
      <c r="C1783">
        <v>117.41579999999999</v>
      </c>
      <c r="D1783">
        <v>234.83159999999998</v>
      </c>
    </row>
    <row r="1784" spans="1:4" x14ac:dyDescent="0.25">
      <c r="A1784" s="1">
        <v>41865</v>
      </c>
      <c r="B1784" s="2">
        <v>0.67077546296296298</v>
      </c>
      <c r="C1784">
        <v>117.4824</v>
      </c>
      <c r="D1784">
        <v>234.9648</v>
      </c>
    </row>
    <row r="1785" spans="1:4" x14ac:dyDescent="0.25">
      <c r="A1785" s="1">
        <v>41865</v>
      </c>
      <c r="B1785" s="2">
        <v>0.67578703703703702</v>
      </c>
      <c r="C1785">
        <v>117.54899999999999</v>
      </c>
      <c r="D1785">
        <v>235.09799999999998</v>
      </c>
    </row>
    <row r="1786" spans="1:4" x14ac:dyDescent="0.25">
      <c r="A1786" s="1">
        <v>41865</v>
      </c>
      <c r="B1786" s="2">
        <v>0.68135416666666659</v>
      </c>
      <c r="C1786">
        <v>117.61559999999999</v>
      </c>
      <c r="D1786">
        <v>235.23119999999997</v>
      </c>
    </row>
    <row r="1787" spans="1:4" x14ac:dyDescent="0.25">
      <c r="A1787" s="1">
        <v>41865</v>
      </c>
      <c r="B1787" s="2">
        <v>0.68678240740740737</v>
      </c>
      <c r="C1787">
        <v>117.68219999999999</v>
      </c>
      <c r="D1787">
        <v>235.36439999999999</v>
      </c>
    </row>
    <row r="1788" spans="1:4" x14ac:dyDescent="0.25">
      <c r="A1788" s="1">
        <v>41865</v>
      </c>
      <c r="B1788" s="2">
        <v>0.69269675925925922</v>
      </c>
      <c r="C1788">
        <v>117.74879999999999</v>
      </c>
      <c r="D1788">
        <v>235.49759999999998</v>
      </c>
    </row>
    <row r="1789" spans="1:4" x14ac:dyDescent="0.25">
      <c r="A1789" s="1">
        <v>41865</v>
      </c>
      <c r="B1789" s="2">
        <v>0.69855324074074077</v>
      </c>
      <c r="C1789">
        <v>117.8154</v>
      </c>
      <c r="D1789">
        <v>235.63079999999999</v>
      </c>
    </row>
    <row r="1790" spans="1:4" x14ac:dyDescent="0.25">
      <c r="A1790" s="1">
        <v>41865</v>
      </c>
      <c r="B1790" s="2">
        <v>0.70497685185185188</v>
      </c>
      <c r="C1790">
        <v>117.88199999999999</v>
      </c>
      <c r="D1790">
        <v>235.76399999999998</v>
      </c>
    </row>
    <row r="1791" spans="1:4" x14ac:dyDescent="0.25">
      <c r="A1791" s="1">
        <v>41865</v>
      </c>
      <c r="B1791" s="2">
        <v>0.71127314814814813</v>
      </c>
      <c r="C1791">
        <v>117.94859999999998</v>
      </c>
      <c r="D1791">
        <v>235.89719999999997</v>
      </c>
    </row>
    <row r="1792" spans="1:4" x14ac:dyDescent="0.25">
      <c r="A1792" s="1">
        <v>41865</v>
      </c>
      <c r="B1792" s="2">
        <v>0.71818287037037043</v>
      </c>
      <c r="C1792">
        <v>118.01519999999999</v>
      </c>
      <c r="D1792">
        <v>236.03039999999999</v>
      </c>
    </row>
    <row r="1793" spans="1:4" x14ac:dyDescent="0.25">
      <c r="A1793" s="1">
        <v>41865</v>
      </c>
      <c r="B1793" s="2">
        <v>0.7249768518518519</v>
      </c>
      <c r="C1793">
        <v>118.08179999999999</v>
      </c>
      <c r="D1793">
        <v>236.16359999999997</v>
      </c>
    </row>
    <row r="1794" spans="1:4" x14ac:dyDescent="0.25">
      <c r="A1794" s="1">
        <v>41865</v>
      </c>
      <c r="B1794" s="2">
        <v>0.73239583333333336</v>
      </c>
      <c r="C1794">
        <v>118.1484</v>
      </c>
      <c r="D1794">
        <v>236.29679999999999</v>
      </c>
    </row>
    <row r="1795" spans="1:4" x14ac:dyDescent="0.25">
      <c r="A1795" s="1">
        <v>41865</v>
      </c>
      <c r="B1795" s="2">
        <v>0.73980324074074078</v>
      </c>
      <c r="C1795">
        <v>118.21499999999999</v>
      </c>
      <c r="D1795">
        <v>236.42999999999998</v>
      </c>
    </row>
    <row r="1796" spans="1:4" x14ac:dyDescent="0.25">
      <c r="A1796" s="1">
        <v>41865</v>
      </c>
      <c r="B1796" s="2">
        <v>0.74782407407407403</v>
      </c>
      <c r="C1796">
        <v>118.2816</v>
      </c>
      <c r="D1796">
        <v>236.56319999999999</v>
      </c>
    </row>
    <row r="1797" spans="1:4" x14ac:dyDescent="0.25">
      <c r="A1797" s="1">
        <v>41865</v>
      </c>
      <c r="B1797" s="2">
        <v>0.75577546296296294</v>
      </c>
      <c r="C1797">
        <v>118.34819999999999</v>
      </c>
      <c r="D1797">
        <v>236.69639999999998</v>
      </c>
    </row>
    <row r="1798" spans="1:4" x14ac:dyDescent="0.25">
      <c r="A1798" s="1">
        <v>41865</v>
      </c>
      <c r="B1798" s="2">
        <v>0.76451388888888883</v>
      </c>
      <c r="C1798">
        <v>118.41479999999999</v>
      </c>
      <c r="D1798">
        <v>236.82959999999997</v>
      </c>
    </row>
    <row r="1799" spans="1:4" x14ac:dyDescent="0.25">
      <c r="A1799" s="1">
        <v>41865</v>
      </c>
      <c r="B1799" s="2">
        <v>0.77312499999999995</v>
      </c>
      <c r="C1799">
        <v>118.48139999999999</v>
      </c>
      <c r="D1799">
        <v>236.96279999999999</v>
      </c>
    </row>
    <row r="1800" spans="1:4" x14ac:dyDescent="0.25">
      <c r="A1800" s="1">
        <v>41865</v>
      </c>
      <c r="B1800" s="2">
        <v>0.78246527777777775</v>
      </c>
      <c r="C1800">
        <v>118.54799999999999</v>
      </c>
      <c r="D1800">
        <v>237.09599999999998</v>
      </c>
    </row>
    <row r="1801" spans="1:4" x14ac:dyDescent="0.25">
      <c r="A1801" s="1">
        <v>41865</v>
      </c>
      <c r="B1801" s="2">
        <v>0.79175925925925927</v>
      </c>
      <c r="C1801">
        <v>118.6146</v>
      </c>
      <c r="D1801">
        <v>237.22919999999999</v>
      </c>
    </row>
    <row r="1802" spans="1:4" x14ac:dyDescent="0.25">
      <c r="A1802" s="1">
        <v>41865</v>
      </c>
      <c r="B1802" s="2">
        <v>0.80201388888888892</v>
      </c>
      <c r="C1802">
        <v>118.6812</v>
      </c>
      <c r="D1802">
        <v>237.36240000000001</v>
      </c>
    </row>
    <row r="1803" spans="1:4" x14ac:dyDescent="0.25">
      <c r="A1803" s="1">
        <v>41865</v>
      </c>
      <c r="B1803" s="2">
        <v>0.81207175925925934</v>
      </c>
      <c r="C1803">
        <v>118.74779999999998</v>
      </c>
      <c r="D1803">
        <v>237.49559999999997</v>
      </c>
    </row>
    <row r="1804" spans="1:4" x14ac:dyDescent="0.25">
      <c r="A1804" s="1">
        <v>41865</v>
      </c>
      <c r="B1804" s="2">
        <v>0.82315972222222233</v>
      </c>
      <c r="C1804">
        <v>118.81439999999999</v>
      </c>
      <c r="D1804">
        <v>237.62879999999998</v>
      </c>
    </row>
    <row r="1805" spans="1:4" x14ac:dyDescent="0.25">
      <c r="A1805" s="1">
        <v>41865</v>
      </c>
      <c r="B1805" s="2">
        <v>0.83412037037037035</v>
      </c>
      <c r="C1805">
        <v>118.88099999999999</v>
      </c>
      <c r="D1805">
        <v>237.76199999999997</v>
      </c>
    </row>
    <row r="1806" spans="1:4" x14ac:dyDescent="0.25">
      <c r="A1806" s="1">
        <v>41865</v>
      </c>
      <c r="B1806" s="2">
        <v>0.84599537037037031</v>
      </c>
      <c r="C1806">
        <v>118.94759999999999</v>
      </c>
      <c r="D1806">
        <v>237.89519999999999</v>
      </c>
    </row>
    <row r="1807" spans="1:4" x14ac:dyDescent="0.25">
      <c r="A1807" s="1">
        <v>41865</v>
      </c>
      <c r="B1807" s="2">
        <v>0.8577662037037036</v>
      </c>
      <c r="C1807">
        <v>119.0142</v>
      </c>
      <c r="D1807">
        <v>238.0284</v>
      </c>
    </row>
    <row r="1808" spans="1:4" x14ac:dyDescent="0.25">
      <c r="A1808" s="1">
        <v>41865</v>
      </c>
      <c r="B1808" s="2">
        <v>0.87062499999999998</v>
      </c>
      <c r="C1808">
        <v>119.08079999999998</v>
      </c>
      <c r="D1808">
        <v>238.16159999999996</v>
      </c>
    </row>
    <row r="1809" spans="1:4" x14ac:dyDescent="0.25">
      <c r="A1809" s="1">
        <v>41865</v>
      </c>
      <c r="B1809" s="2">
        <v>0.8834143518518518</v>
      </c>
      <c r="C1809">
        <v>119.14739999999999</v>
      </c>
      <c r="D1809">
        <v>238.29479999999998</v>
      </c>
    </row>
    <row r="1810" spans="1:4" x14ac:dyDescent="0.25">
      <c r="A1810" s="1">
        <v>41865</v>
      </c>
      <c r="B1810" s="2">
        <v>0.89721064814814822</v>
      </c>
      <c r="C1810">
        <v>119.21399999999998</v>
      </c>
      <c r="D1810">
        <v>238.42799999999997</v>
      </c>
    </row>
    <row r="1811" spans="1:4" x14ac:dyDescent="0.25">
      <c r="A1811" s="1">
        <v>41865</v>
      </c>
      <c r="B1811" s="2">
        <v>0.91104166666666664</v>
      </c>
      <c r="C1811">
        <v>119.28059999999999</v>
      </c>
      <c r="D1811">
        <v>238.56119999999999</v>
      </c>
    </row>
    <row r="1812" spans="1:4" x14ac:dyDescent="0.25">
      <c r="A1812" s="1">
        <v>41865</v>
      </c>
      <c r="B1812" s="2">
        <v>0.9259722222222222</v>
      </c>
      <c r="C1812">
        <v>119.34719999999999</v>
      </c>
      <c r="D1812">
        <v>238.69439999999997</v>
      </c>
    </row>
    <row r="1813" spans="1:4" x14ac:dyDescent="0.25">
      <c r="A1813" s="1">
        <v>41865</v>
      </c>
      <c r="B1813" s="2">
        <v>0.94077546296296299</v>
      </c>
      <c r="C1813">
        <v>119.41379999999999</v>
      </c>
      <c r="D1813">
        <v>238.82759999999999</v>
      </c>
    </row>
    <row r="1814" spans="1:4" x14ac:dyDescent="0.25">
      <c r="A1814" s="1">
        <v>41865</v>
      </c>
      <c r="B1814" s="2">
        <v>0.95688657407407407</v>
      </c>
      <c r="C1814">
        <v>119.48039999999999</v>
      </c>
      <c r="D1814">
        <v>238.96079999999998</v>
      </c>
    </row>
    <row r="1815" spans="1:4" x14ac:dyDescent="0.25">
      <c r="A1815" s="1">
        <v>41865</v>
      </c>
      <c r="B1815" s="2">
        <v>0.97289351851851846</v>
      </c>
      <c r="C1815">
        <v>119.54699999999998</v>
      </c>
      <c r="D1815">
        <v>239.09399999999997</v>
      </c>
    </row>
    <row r="1816" spans="1:4" x14ac:dyDescent="0.25">
      <c r="A1816" s="1">
        <v>41865</v>
      </c>
      <c r="B1816" s="2">
        <v>0.99062499999999998</v>
      </c>
      <c r="C1816">
        <v>119.61359999999999</v>
      </c>
      <c r="D1816">
        <v>239.22719999999998</v>
      </c>
    </row>
    <row r="1817" spans="1:4" x14ac:dyDescent="0.25">
      <c r="A1817" s="1">
        <v>41866</v>
      </c>
      <c r="B1817" s="2">
        <v>8.4375000000000006E-3</v>
      </c>
      <c r="C1817">
        <v>119.68019999999999</v>
      </c>
      <c r="D1817">
        <v>239.36039999999997</v>
      </c>
    </row>
    <row r="1818" spans="1:4" x14ac:dyDescent="0.25">
      <c r="A1818" s="1">
        <v>41866</v>
      </c>
      <c r="B1818" s="2">
        <v>2.7604166666666666E-2</v>
      </c>
      <c r="C1818">
        <v>119.74679999999999</v>
      </c>
      <c r="D1818">
        <v>239.49359999999999</v>
      </c>
    </row>
    <row r="1819" spans="1:4" x14ac:dyDescent="0.25">
      <c r="A1819" s="1">
        <v>41866</v>
      </c>
      <c r="B1819" s="2">
        <v>4.6516203703703705E-2</v>
      </c>
      <c r="C1819">
        <v>119.81339999999999</v>
      </c>
      <c r="D1819">
        <v>239.62679999999997</v>
      </c>
    </row>
    <row r="1820" spans="1:4" x14ac:dyDescent="0.25">
      <c r="A1820" s="1">
        <v>41866</v>
      </c>
      <c r="B1820" s="2">
        <v>6.7337962962962961E-2</v>
      </c>
      <c r="C1820">
        <v>119.87999999999998</v>
      </c>
      <c r="D1820">
        <v>239.75999999999996</v>
      </c>
    </row>
    <row r="1821" spans="1:4" x14ac:dyDescent="0.25">
      <c r="A1821" s="1">
        <v>41866</v>
      </c>
      <c r="B1821" s="2">
        <v>8.8240740740740745E-2</v>
      </c>
      <c r="C1821">
        <v>119.94659999999999</v>
      </c>
      <c r="D1821">
        <v>239.89319999999998</v>
      </c>
    </row>
    <row r="1822" spans="1:4" x14ac:dyDescent="0.25">
      <c r="A1822" s="1">
        <v>41866</v>
      </c>
      <c r="B1822" s="2">
        <v>0.11078703703703703</v>
      </c>
      <c r="C1822">
        <v>120.01319999999998</v>
      </c>
      <c r="D1822">
        <v>240.02639999999997</v>
      </c>
    </row>
    <row r="1823" spans="1:4" x14ac:dyDescent="0.25">
      <c r="A1823" s="1">
        <v>41866</v>
      </c>
      <c r="B1823" s="2">
        <v>0.13376157407407407</v>
      </c>
      <c r="C1823">
        <v>120.07979999999999</v>
      </c>
      <c r="D1823">
        <v>240.15959999999998</v>
      </c>
    </row>
    <row r="1824" spans="1:4" x14ac:dyDescent="0.25">
      <c r="A1824" s="1">
        <v>41866</v>
      </c>
      <c r="B1824" s="2">
        <v>0.15873842592592594</v>
      </c>
      <c r="C1824">
        <v>120.1464</v>
      </c>
      <c r="D1824">
        <v>240.2928</v>
      </c>
    </row>
    <row r="1825" spans="1:4" x14ac:dyDescent="0.25">
      <c r="A1825" s="1">
        <v>41866</v>
      </c>
      <c r="B1825" s="2">
        <v>0.18381944444444445</v>
      </c>
      <c r="C1825">
        <v>120.21299999999998</v>
      </c>
      <c r="D1825">
        <v>240.42599999999996</v>
      </c>
    </row>
    <row r="1826" spans="1:4" x14ac:dyDescent="0.25">
      <c r="A1826" s="1">
        <v>41866</v>
      </c>
      <c r="B1826" s="2">
        <v>0.21059027777777775</v>
      </c>
      <c r="C1826">
        <v>120.27959999999999</v>
      </c>
      <c r="D1826">
        <v>240.55919999999998</v>
      </c>
    </row>
    <row r="1827" spans="1:4" x14ac:dyDescent="0.25">
      <c r="A1827" s="1">
        <v>41866</v>
      </c>
      <c r="B1827" s="2">
        <v>0.23802083333333335</v>
      </c>
      <c r="C1827">
        <v>120.34619999999998</v>
      </c>
      <c r="D1827">
        <v>240.69239999999996</v>
      </c>
    </row>
    <row r="1828" spans="1:4" x14ac:dyDescent="0.25">
      <c r="A1828" s="1">
        <v>41866</v>
      </c>
      <c r="B1828" s="2">
        <v>0.26848379629629632</v>
      </c>
      <c r="C1828">
        <v>120.41279999999999</v>
      </c>
      <c r="D1828">
        <v>240.82559999999998</v>
      </c>
    </row>
    <row r="1829" spans="1:4" x14ac:dyDescent="0.25">
      <c r="A1829" s="1">
        <v>41866</v>
      </c>
      <c r="B1829" s="2">
        <v>0.29931712962962964</v>
      </c>
      <c r="C1829">
        <v>120.4794</v>
      </c>
      <c r="D1829">
        <v>240.9588</v>
      </c>
    </row>
    <row r="1830" spans="1:4" x14ac:dyDescent="0.25">
      <c r="A1830" s="1">
        <v>41866</v>
      </c>
      <c r="B1830" s="2">
        <v>0.33219907407407406</v>
      </c>
      <c r="C1830">
        <v>120.54599999999999</v>
      </c>
      <c r="D1830">
        <v>241.09199999999998</v>
      </c>
    </row>
    <row r="1831" spans="1:4" x14ac:dyDescent="0.25">
      <c r="A1831" s="1">
        <v>41866</v>
      </c>
      <c r="B1831" s="2">
        <v>0.36593750000000003</v>
      </c>
      <c r="C1831">
        <v>120.61259999999999</v>
      </c>
      <c r="D1831">
        <v>241.22519999999997</v>
      </c>
    </row>
    <row r="1832" spans="1:4" x14ac:dyDescent="0.25">
      <c r="A1832" s="1">
        <v>41866</v>
      </c>
      <c r="B1832" s="2">
        <v>0.40151620370370367</v>
      </c>
      <c r="C1832">
        <v>120.67919999999998</v>
      </c>
      <c r="D1832">
        <v>241.35839999999996</v>
      </c>
    </row>
    <row r="1833" spans="1:4" x14ac:dyDescent="0.25">
      <c r="A1833" s="1">
        <v>41866</v>
      </c>
      <c r="B1833" s="2">
        <v>0.43885416666666671</v>
      </c>
      <c r="C1833">
        <v>120.74579999999999</v>
      </c>
      <c r="D1833">
        <v>241.49159999999998</v>
      </c>
    </row>
    <row r="1834" spans="1:4" x14ac:dyDescent="0.25">
      <c r="A1834" s="1">
        <v>41866</v>
      </c>
      <c r="B1834" s="2">
        <v>0.47924768518518518</v>
      </c>
      <c r="C1834">
        <v>120.8124</v>
      </c>
      <c r="D1834">
        <v>241.62479999999999</v>
      </c>
    </row>
    <row r="1835" spans="1:4" x14ac:dyDescent="0.25">
      <c r="A1835" s="1">
        <v>41866</v>
      </c>
      <c r="B1835" s="2">
        <v>0.52050925925925928</v>
      </c>
      <c r="C1835">
        <v>120.87899999999999</v>
      </c>
      <c r="D1835">
        <v>241.75799999999998</v>
      </c>
    </row>
    <row r="1836" spans="1:4" x14ac:dyDescent="0.25">
      <c r="A1836" s="1">
        <v>41866</v>
      </c>
      <c r="B1836" s="2">
        <v>0.56393518518518515</v>
      </c>
      <c r="C1836">
        <v>120.94559999999998</v>
      </c>
      <c r="D1836">
        <v>241.89119999999997</v>
      </c>
    </row>
    <row r="1837" spans="1:4" x14ac:dyDescent="0.25">
      <c r="A1837" s="1">
        <v>41866</v>
      </c>
      <c r="B1837" s="2">
        <v>0.608912037037037</v>
      </c>
      <c r="C1837">
        <v>121.01219999999998</v>
      </c>
      <c r="D1837">
        <v>242.02439999999996</v>
      </c>
    </row>
    <row r="1838" spans="1:4" x14ac:dyDescent="0.25">
      <c r="A1838" s="1">
        <v>41866</v>
      </c>
      <c r="B1838" s="2">
        <v>0.65802083333333339</v>
      </c>
      <c r="C1838">
        <v>121.07879999999999</v>
      </c>
      <c r="D1838">
        <v>242.15759999999997</v>
      </c>
    </row>
    <row r="1839" spans="1:4" x14ac:dyDescent="0.25">
      <c r="A1839" s="1">
        <v>41866</v>
      </c>
      <c r="B1839" s="2">
        <v>0.70569444444444451</v>
      </c>
      <c r="C1839">
        <v>121.1454</v>
      </c>
      <c r="D1839">
        <v>242.29079999999999</v>
      </c>
    </row>
    <row r="1840" spans="1:4" x14ac:dyDescent="0.25">
      <c r="A1840" s="1">
        <v>41866</v>
      </c>
      <c r="B1840" s="2">
        <v>0.75361111111111112</v>
      </c>
      <c r="C1840">
        <v>121.21199999999999</v>
      </c>
      <c r="D1840">
        <v>242.42399999999998</v>
      </c>
    </row>
    <row r="1841" spans="1:4" x14ac:dyDescent="0.25">
      <c r="A1841" s="1">
        <v>41866</v>
      </c>
      <c r="B1841" s="2">
        <v>0.79512731481481491</v>
      </c>
      <c r="C1841">
        <v>121.2786</v>
      </c>
      <c r="D1841">
        <v>242.55719999999999</v>
      </c>
    </row>
    <row r="1842" spans="1:4" x14ac:dyDescent="0.25">
      <c r="A1842" s="1">
        <v>41866</v>
      </c>
      <c r="B1842" s="2">
        <v>0.83188657407407407</v>
      </c>
      <c r="C1842">
        <v>121.34519999999998</v>
      </c>
      <c r="D1842">
        <v>242.69039999999995</v>
      </c>
    </row>
    <row r="1843" spans="1:4" x14ac:dyDescent="0.25">
      <c r="A1843" s="1">
        <v>41866</v>
      </c>
      <c r="B1843" s="2">
        <v>0.86155092592592597</v>
      </c>
      <c r="C1843">
        <v>121.41179999999999</v>
      </c>
      <c r="D1843">
        <v>242.82359999999997</v>
      </c>
    </row>
    <row r="1844" spans="1:4" x14ac:dyDescent="0.25">
      <c r="A1844" s="1">
        <v>41866</v>
      </c>
      <c r="B1844" s="2">
        <v>0.88746527777777784</v>
      </c>
      <c r="C1844">
        <v>121.47839999999999</v>
      </c>
      <c r="D1844">
        <v>242.95679999999999</v>
      </c>
    </row>
    <row r="1845" spans="1:4" x14ac:dyDescent="0.25">
      <c r="A1845" s="1">
        <v>41866</v>
      </c>
      <c r="B1845" s="2">
        <v>0.90922453703703709</v>
      </c>
      <c r="C1845">
        <v>121.54499999999999</v>
      </c>
      <c r="D1845">
        <v>243.08999999999997</v>
      </c>
    </row>
    <row r="1846" spans="1:4" x14ac:dyDescent="0.25">
      <c r="A1846" s="1">
        <v>41866</v>
      </c>
      <c r="B1846" s="2">
        <v>0.93</v>
      </c>
      <c r="C1846">
        <v>121.6116</v>
      </c>
      <c r="D1846">
        <v>243.22319999999999</v>
      </c>
    </row>
    <row r="1847" spans="1:4" x14ac:dyDescent="0.25">
      <c r="A1847" s="1">
        <v>41866</v>
      </c>
      <c r="B1847" s="2">
        <v>0.94905092592592588</v>
      </c>
      <c r="C1847">
        <v>121.67819999999998</v>
      </c>
      <c r="D1847">
        <v>243.35639999999995</v>
      </c>
    </row>
    <row r="1848" spans="1:4" x14ac:dyDescent="0.25">
      <c r="A1848" s="1">
        <v>41866</v>
      </c>
      <c r="B1848" s="2">
        <v>0.96841435185185187</v>
      </c>
      <c r="C1848">
        <v>121.74479999999998</v>
      </c>
      <c r="D1848">
        <v>243.48959999999997</v>
      </c>
    </row>
    <row r="1849" spans="1:4" x14ac:dyDescent="0.25">
      <c r="A1849" s="1">
        <v>41866</v>
      </c>
      <c r="B1849" s="2">
        <v>0.98646990740740748</v>
      </c>
      <c r="C1849">
        <v>121.81139999999999</v>
      </c>
      <c r="D1849">
        <v>243.62279999999998</v>
      </c>
    </row>
    <row r="1850" spans="1:4" x14ac:dyDescent="0.25">
      <c r="A1850" s="1">
        <v>41867</v>
      </c>
      <c r="B1850" s="2">
        <v>5.4629629629629637E-3</v>
      </c>
      <c r="C1850">
        <v>121.87799999999999</v>
      </c>
      <c r="D1850">
        <v>243.75599999999997</v>
      </c>
    </row>
    <row r="1851" spans="1:4" x14ac:dyDescent="0.25">
      <c r="A1851" s="1">
        <v>41867</v>
      </c>
      <c r="B1851" s="2">
        <v>2.372685185185185E-2</v>
      </c>
      <c r="C1851">
        <v>121.94459999999999</v>
      </c>
      <c r="D1851">
        <v>243.88919999999999</v>
      </c>
    </row>
    <row r="1852" spans="1:4" x14ac:dyDescent="0.25">
      <c r="A1852" s="1">
        <v>41867</v>
      </c>
      <c r="B1852" s="2">
        <v>4.3171296296296298E-2</v>
      </c>
      <c r="C1852">
        <v>122.01119999999999</v>
      </c>
      <c r="D1852">
        <v>244.02239999999998</v>
      </c>
    </row>
    <row r="1853" spans="1:4" x14ac:dyDescent="0.25">
      <c r="A1853" s="1">
        <v>41867</v>
      </c>
      <c r="B1853" s="2">
        <v>6.2129629629629625E-2</v>
      </c>
      <c r="C1853">
        <v>122.07779999999998</v>
      </c>
      <c r="D1853">
        <v>244.15559999999996</v>
      </c>
    </row>
    <row r="1854" spans="1:4" x14ac:dyDescent="0.25">
      <c r="A1854" s="1">
        <v>41867</v>
      </c>
      <c r="B1854" s="2">
        <v>8.2210648148148144E-2</v>
      </c>
      <c r="C1854">
        <v>122.14439999999999</v>
      </c>
      <c r="D1854">
        <v>244.28879999999998</v>
      </c>
    </row>
    <row r="1855" spans="1:4" x14ac:dyDescent="0.25">
      <c r="A1855" s="1">
        <v>41867</v>
      </c>
      <c r="B1855" s="2">
        <v>0.10195601851851853</v>
      </c>
      <c r="C1855">
        <v>122.21099999999998</v>
      </c>
      <c r="D1855">
        <v>244.42199999999997</v>
      </c>
    </row>
    <row r="1856" spans="1:4" x14ac:dyDescent="0.25">
      <c r="A1856" s="1">
        <v>41867</v>
      </c>
      <c r="B1856" s="2">
        <v>0.12342592592592593</v>
      </c>
      <c r="C1856">
        <v>122.27759999999999</v>
      </c>
      <c r="D1856">
        <v>244.55519999999999</v>
      </c>
    </row>
    <row r="1857" spans="1:4" x14ac:dyDescent="0.25">
      <c r="A1857" s="1">
        <v>41867</v>
      </c>
      <c r="B1857" s="2">
        <v>0.1446412037037037</v>
      </c>
      <c r="C1857">
        <v>122.34419999999999</v>
      </c>
      <c r="D1857">
        <v>244.68839999999997</v>
      </c>
    </row>
    <row r="1858" spans="1:4" x14ac:dyDescent="0.25">
      <c r="A1858" s="1">
        <v>41867</v>
      </c>
      <c r="B1858" s="2">
        <v>0.16740740740740742</v>
      </c>
      <c r="C1858">
        <v>122.41079999999999</v>
      </c>
      <c r="D1858">
        <v>244.82159999999999</v>
      </c>
    </row>
    <row r="1859" spans="1:4" x14ac:dyDescent="0.25">
      <c r="A1859" s="1">
        <v>41867</v>
      </c>
      <c r="B1859" s="2">
        <v>0.18994212962962964</v>
      </c>
      <c r="C1859">
        <v>122.47739999999999</v>
      </c>
      <c r="D1859">
        <v>244.95479999999998</v>
      </c>
    </row>
    <row r="1860" spans="1:4" x14ac:dyDescent="0.25">
      <c r="A1860" s="1">
        <v>41867</v>
      </c>
      <c r="B1860" s="2">
        <v>0.21428240740740742</v>
      </c>
      <c r="C1860">
        <v>122.54399999999998</v>
      </c>
      <c r="D1860">
        <v>245.08799999999997</v>
      </c>
    </row>
    <row r="1861" spans="1:4" x14ac:dyDescent="0.25">
      <c r="A1861" s="1">
        <v>41867</v>
      </c>
      <c r="B1861" s="2">
        <v>0.23857638888888888</v>
      </c>
      <c r="C1861">
        <v>122.61059999999999</v>
      </c>
      <c r="D1861">
        <v>245.22119999999998</v>
      </c>
    </row>
    <row r="1862" spans="1:4" x14ac:dyDescent="0.25">
      <c r="A1862" s="1">
        <v>41867</v>
      </c>
      <c r="B1862" s="2">
        <v>0.26474537037037038</v>
      </c>
      <c r="C1862">
        <v>122.67719999999998</v>
      </c>
      <c r="D1862">
        <v>245.35439999999997</v>
      </c>
    </row>
    <row r="1863" spans="1:4" x14ac:dyDescent="0.25">
      <c r="A1863" s="1">
        <v>41867</v>
      </c>
      <c r="B1863" s="2">
        <v>0.29067129629629629</v>
      </c>
      <c r="C1863">
        <v>122.74379999999999</v>
      </c>
      <c r="D1863">
        <v>245.48759999999999</v>
      </c>
    </row>
    <row r="1864" spans="1:4" x14ac:dyDescent="0.25">
      <c r="A1864" s="1">
        <v>41867</v>
      </c>
      <c r="B1864" s="2">
        <v>0.31887731481481479</v>
      </c>
      <c r="C1864">
        <v>122.81039999999999</v>
      </c>
      <c r="D1864">
        <v>245.62079999999997</v>
      </c>
    </row>
    <row r="1865" spans="1:4" x14ac:dyDescent="0.25">
      <c r="A1865" s="1">
        <v>41867</v>
      </c>
      <c r="B1865" s="2">
        <v>0.34675925925925927</v>
      </c>
      <c r="C1865">
        <v>122.87699999999998</v>
      </c>
      <c r="D1865">
        <v>245.75399999999996</v>
      </c>
    </row>
    <row r="1866" spans="1:4" x14ac:dyDescent="0.25">
      <c r="A1866" s="1">
        <v>41867</v>
      </c>
      <c r="B1866" s="2">
        <v>0.37701388888888893</v>
      </c>
      <c r="C1866">
        <v>122.94359999999999</v>
      </c>
      <c r="D1866">
        <v>245.88719999999998</v>
      </c>
    </row>
    <row r="1867" spans="1:4" x14ac:dyDescent="0.25">
      <c r="A1867" s="1">
        <v>41867</v>
      </c>
      <c r="B1867" s="2">
        <v>0.40697916666666667</v>
      </c>
      <c r="C1867">
        <v>123.01019999999998</v>
      </c>
      <c r="D1867">
        <v>246.02039999999997</v>
      </c>
    </row>
    <row r="1868" spans="1:4" x14ac:dyDescent="0.25">
      <c r="A1868" s="1">
        <v>41867</v>
      </c>
      <c r="B1868" s="2">
        <v>0.43915509259259261</v>
      </c>
      <c r="C1868">
        <v>123.07679999999999</v>
      </c>
      <c r="D1868">
        <v>246.15359999999998</v>
      </c>
    </row>
    <row r="1869" spans="1:4" x14ac:dyDescent="0.25">
      <c r="A1869" s="1">
        <v>41867</v>
      </c>
      <c r="B1869" s="2">
        <v>0.4715509259259259</v>
      </c>
      <c r="C1869">
        <v>123.1434</v>
      </c>
      <c r="D1869">
        <v>246.2868</v>
      </c>
    </row>
    <row r="1870" spans="1:4" x14ac:dyDescent="0.25">
      <c r="A1870" s="1">
        <v>41867</v>
      </c>
      <c r="B1870" s="2">
        <v>0.50614583333333341</v>
      </c>
      <c r="C1870">
        <v>123.20999999999998</v>
      </c>
      <c r="D1870">
        <v>246.41999999999996</v>
      </c>
    </row>
    <row r="1871" spans="1:4" x14ac:dyDescent="0.25">
      <c r="A1871" s="1">
        <v>41867</v>
      </c>
      <c r="B1871" s="2">
        <v>0.54128472222222224</v>
      </c>
      <c r="C1871">
        <v>123.27659999999999</v>
      </c>
      <c r="D1871">
        <v>246.55319999999998</v>
      </c>
    </row>
    <row r="1872" spans="1:4" x14ac:dyDescent="0.25">
      <c r="A1872" s="1">
        <v>41867</v>
      </c>
      <c r="B1872" s="2">
        <v>0.57876157407407403</v>
      </c>
      <c r="C1872">
        <v>123.34319999999998</v>
      </c>
      <c r="D1872">
        <v>246.68639999999996</v>
      </c>
    </row>
    <row r="1873" spans="1:4" x14ac:dyDescent="0.25">
      <c r="A1873" s="1">
        <v>41867</v>
      </c>
      <c r="B1873" s="2">
        <v>0.61701388888888886</v>
      </c>
      <c r="C1873">
        <v>123.40979999999999</v>
      </c>
      <c r="D1873">
        <v>246.81959999999998</v>
      </c>
    </row>
    <row r="1874" spans="1:4" x14ac:dyDescent="0.25">
      <c r="A1874" s="1">
        <v>41867</v>
      </c>
      <c r="B1874" s="2">
        <v>0.65809027777777784</v>
      </c>
      <c r="C1874">
        <v>123.4764</v>
      </c>
      <c r="D1874">
        <v>246.9528</v>
      </c>
    </row>
    <row r="1875" spans="1:4" x14ac:dyDescent="0.25">
      <c r="A1875" s="1">
        <v>41867</v>
      </c>
      <c r="B1875" s="2">
        <v>0.69954861111111111</v>
      </c>
      <c r="C1875">
        <v>123.54299999999999</v>
      </c>
      <c r="D1875">
        <v>247.08599999999998</v>
      </c>
    </row>
    <row r="1876" spans="1:4" x14ac:dyDescent="0.25">
      <c r="A1876" s="1">
        <v>41867</v>
      </c>
      <c r="B1876" s="2">
        <v>0.74432870370370363</v>
      </c>
      <c r="C1876">
        <v>123.60959999999999</v>
      </c>
      <c r="D1876">
        <v>247.21919999999997</v>
      </c>
    </row>
    <row r="1877" spans="1:4" x14ac:dyDescent="0.25">
      <c r="A1877" s="1">
        <v>41867</v>
      </c>
      <c r="B1877" s="2">
        <v>0.7890625</v>
      </c>
      <c r="C1877">
        <v>123.67619999999998</v>
      </c>
      <c r="D1877">
        <v>247.35239999999996</v>
      </c>
    </row>
    <row r="1878" spans="1:4" x14ac:dyDescent="0.25">
      <c r="A1878" s="1">
        <v>41867</v>
      </c>
      <c r="B1878" s="2">
        <v>0.83802083333333333</v>
      </c>
      <c r="C1878">
        <v>123.74279999999999</v>
      </c>
      <c r="D1878">
        <v>247.48559999999998</v>
      </c>
    </row>
    <row r="1879" spans="1:4" x14ac:dyDescent="0.25">
      <c r="A1879" s="1">
        <v>41867</v>
      </c>
      <c r="B1879" s="2">
        <v>0.88774305555555555</v>
      </c>
      <c r="C1879">
        <v>123.8094</v>
      </c>
      <c r="D1879">
        <v>247.61879999999999</v>
      </c>
    </row>
    <row r="1880" spans="1:4" x14ac:dyDescent="0.25">
      <c r="A1880" s="1">
        <v>41867</v>
      </c>
      <c r="B1880" s="2">
        <v>0.94009259259259259</v>
      </c>
      <c r="C1880">
        <v>123.87599999999999</v>
      </c>
      <c r="D1880">
        <v>247.75199999999998</v>
      </c>
    </row>
    <row r="1881" spans="1:4" x14ac:dyDescent="0.25">
      <c r="A1881" s="1">
        <v>41867</v>
      </c>
      <c r="B1881" s="2">
        <v>0.99353009259259262</v>
      </c>
      <c r="C1881">
        <v>123.94259999999998</v>
      </c>
      <c r="D1881">
        <v>247.88519999999997</v>
      </c>
    </row>
    <row r="1882" spans="1:4" x14ac:dyDescent="0.25">
      <c r="A1882" s="1">
        <v>41868</v>
      </c>
      <c r="B1882" s="2">
        <v>5.1400462962962967E-2</v>
      </c>
      <c r="C1882">
        <v>124.00919999999998</v>
      </c>
      <c r="D1882">
        <v>248.01839999999996</v>
      </c>
    </row>
    <row r="1883" spans="1:4" x14ac:dyDescent="0.25">
      <c r="A1883" s="1">
        <v>41868</v>
      </c>
      <c r="B1883" s="2">
        <v>0.10974537037037037</v>
      </c>
      <c r="C1883">
        <v>124.07579999999999</v>
      </c>
      <c r="D1883">
        <v>248.15159999999997</v>
      </c>
    </row>
    <row r="1884" spans="1:4" x14ac:dyDescent="0.25">
      <c r="A1884" s="1">
        <v>41868</v>
      </c>
      <c r="B1884" s="2">
        <v>0.1723726851851852</v>
      </c>
      <c r="C1884">
        <v>124.14239999999999</v>
      </c>
      <c r="D1884">
        <v>248.28479999999999</v>
      </c>
    </row>
    <row r="1885" spans="1:4" x14ac:dyDescent="0.25">
      <c r="A1885" s="1">
        <v>41868</v>
      </c>
      <c r="B1885" s="2">
        <v>0.2358564814814815</v>
      </c>
      <c r="C1885">
        <v>124.20899999999999</v>
      </c>
      <c r="D1885">
        <v>248.41799999999998</v>
      </c>
    </row>
    <row r="1886" spans="1:4" x14ac:dyDescent="0.25">
      <c r="A1886" s="1">
        <v>41868</v>
      </c>
      <c r="B1886" s="2">
        <v>0.30328703703703702</v>
      </c>
      <c r="C1886">
        <v>124.2756</v>
      </c>
      <c r="D1886">
        <v>248.55119999999999</v>
      </c>
    </row>
    <row r="1887" spans="1:4" x14ac:dyDescent="0.25">
      <c r="A1887" s="1">
        <v>41868</v>
      </c>
      <c r="B1887" s="2">
        <v>0.37245370370370368</v>
      </c>
      <c r="C1887">
        <v>124.34219999999998</v>
      </c>
      <c r="D1887">
        <v>248.68439999999995</v>
      </c>
    </row>
    <row r="1888" spans="1:4" x14ac:dyDescent="0.25">
      <c r="A1888" s="1">
        <v>41868</v>
      </c>
      <c r="B1888" s="2">
        <v>0.4462268518518519</v>
      </c>
      <c r="C1888">
        <v>124.40879999999999</v>
      </c>
      <c r="D1888">
        <v>248.81759999999997</v>
      </c>
    </row>
    <row r="1889" spans="1:4" x14ac:dyDescent="0.25">
      <c r="A1889" s="1">
        <v>41868</v>
      </c>
      <c r="B1889" s="2">
        <v>0.52017361111111116</v>
      </c>
      <c r="C1889">
        <v>124.47539999999999</v>
      </c>
      <c r="D1889">
        <v>248.95079999999999</v>
      </c>
    </row>
    <row r="1890" spans="1:4" x14ac:dyDescent="0.25">
      <c r="A1890" s="1">
        <v>41868</v>
      </c>
      <c r="B1890" s="2">
        <v>0.59670138888888891</v>
      </c>
      <c r="C1890">
        <v>124.54199999999999</v>
      </c>
      <c r="D1890">
        <v>249.08399999999997</v>
      </c>
    </row>
    <row r="1891" spans="1:4" x14ac:dyDescent="0.25">
      <c r="A1891" s="1">
        <v>41868</v>
      </c>
      <c r="B1891" s="2">
        <v>0.67896990740740737</v>
      </c>
      <c r="C1891">
        <v>124.6086</v>
      </c>
      <c r="D1891">
        <v>249.21719999999999</v>
      </c>
    </row>
    <row r="1892" spans="1:4" x14ac:dyDescent="0.25">
      <c r="A1892" s="1">
        <v>41868</v>
      </c>
      <c r="B1892" s="2">
        <v>0.76910879629629625</v>
      </c>
      <c r="C1892">
        <v>124.67519999999999</v>
      </c>
      <c r="D1892">
        <v>249.35039999999998</v>
      </c>
    </row>
    <row r="1893" spans="1:4" x14ac:dyDescent="0.25">
      <c r="A1893" s="1">
        <v>41868</v>
      </c>
      <c r="B1893" s="2">
        <v>0.8627893518518519</v>
      </c>
      <c r="C1893">
        <v>124.74179999999998</v>
      </c>
      <c r="D1893">
        <v>249.48359999999997</v>
      </c>
    </row>
    <row r="1894" spans="1:4" x14ac:dyDescent="0.25">
      <c r="A1894" s="1">
        <v>41868</v>
      </c>
      <c r="B1894" s="2">
        <v>0.96710648148148148</v>
      </c>
      <c r="C1894">
        <v>124.80839999999999</v>
      </c>
      <c r="D1894">
        <v>249.61679999999998</v>
      </c>
    </row>
    <row r="1895" spans="1:4" x14ac:dyDescent="0.25">
      <c r="A1895" s="1">
        <v>41869</v>
      </c>
      <c r="B1895" s="2">
        <v>7.3842592592592585E-2</v>
      </c>
      <c r="C1895">
        <v>124.87499999999999</v>
      </c>
      <c r="D1895">
        <v>249.74999999999997</v>
      </c>
    </row>
    <row r="1896" spans="1:4" x14ac:dyDescent="0.25">
      <c r="A1896" s="1">
        <v>41869</v>
      </c>
      <c r="B1896" s="2">
        <v>0.1879976851851852</v>
      </c>
      <c r="C1896">
        <v>124.94159999999999</v>
      </c>
      <c r="D1896">
        <v>249.88319999999999</v>
      </c>
    </row>
    <row r="1897" spans="1:4" x14ac:dyDescent="0.25">
      <c r="A1897" s="1">
        <v>41869</v>
      </c>
      <c r="B1897" s="2">
        <v>0.30421296296296296</v>
      </c>
      <c r="C1897">
        <v>125.00819999999999</v>
      </c>
      <c r="D1897">
        <v>250.01639999999998</v>
      </c>
    </row>
    <row r="1898" spans="1:4" x14ac:dyDescent="0.25">
      <c r="A1898" s="1">
        <v>41869</v>
      </c>
      <c r="B1898" s="2">
        <v>0.42569444444444443</v>
      </c>
      <c r="C1898">
        <v>125.07479999999998</v>
      </c>
      <c r="D1898">
        <v>250.14959999999996</v>
      </c>
    </row>
    <row r="1899" spans="1:4" x14ac:dyDescent="0.25">
      <c r="A1899" s="1">
        <v>41869</v>
      </c>
      <c r="B1899" s="2">
        <v>0.54997685185185186</v>
      </c>
      <c r="C1899">
        <v>125.14139999999999</v>
      </c>
      <c r="D1899">
        <v>250.28279999999998</v>
      </c>
    </row>
    <row r="1900" spans="1:4" x14ac:dyDescent="0.25">
      <c r="A1900" s="1">
        <v>41869</v>
      </c>
      <c r="B1900" s="2">
        <v>0.68313657407407413</v>
      </c>
      <c r="C1900">
        <v>125.20799999999998</v>
      </c>
      <c r="D1900">
        <v>250.41599999999997</v>
      </c>
    </row>
    <row r="1901" spans="1:4" x14ac:dyDescent="0.25">
      <c r="A1901" s="1">
        <v>41869</v>
      </c>
      <c r="B1901" s="2">
        <v>0.82393518518518516</v>
      </c>
      <c r="C1901">
        <v>125.27459999999999</v>
      </c>
      <c r="D1901">
        <v>250.54919999999998</v>
      </c>
    </row>
    <row r="1902" spans="1:4" x14ac:dyDescent="0.25">
      <c r="A1902" s="1">
        <v>41869</v>
      </c>
      <c r="B1902" s="2">
        <v>0.98347222222222219</v>
      </c>
      <c r="C1902">
        <v>125.34119999999999</v>
      </c>
      <c r="D1902">
        <v>250.68239999999997</v>
      </c>
    </row>
    <row r="1903" spans="1:4" x14ac:dyDescent="0.25">
      <c r="A1903" s="1">
        <v>41870</v>
      </c>
      <c r="B1903" s="2">
        <v>0.14873842592592593</v>
      </c>
      <c r="C1903">
        <v>125.40779999999999</v>
      </c>
      <c r="D1903">
        <v>250.81559999999999</v>
      </c>
    </row>
    <row r="1904" spans="1:4" x14ac:dyDescent="0.25">
      <c r="A1904" s="1">
        <v>41870</v>
      </c>
      <c r="B1904" s="2">
        <v>0.33071759259259259</v>
      </c>
      <c r="C1904">
        <v>125.47439999999999</v>
      </c>
      <c r="D1904">
        <v>250.94879999999998</v>
      </c>
    </row>
    <row r="1905" spans="1:4" x14ac:dyDescent="0.25">
      <c r="A1905" s="1">
        <v>41870</v>
      </c>
      <c r="B1905" s="2">
        <v>0.50807870370370367</v>
      </c>
      <c r="C1905">
        <v>125.54099999999998</v>
      </c>
      <c r="D1905">
        <v>251.08199999999997</v>
      </c>
    </row>
    <row r="1906" spans="1:4" x14ac:dyDescent="0.25">
      <c r="A1906" s="1">
        <v>41870</v>
      </c>
      <c r="B1906" s="2">
        <v>0.70670138888888889</v>
      </c>
      <c r="C1906">
        <v>125.60759999999999</v>
      </c>
      <c r="D1906">
        <v>251.21519999999998</v>
      </c>
    </row>
    <row r="1907" spans="1:4" x14ac:dyDescent="0.25">
      <c r="A1907" s="1">
        <v>41870</v>
      </c>
      <c r="B1907" s="2">
        <v>0.92384259259259249</v>
      </c>
      <c r="C1907">
        <v>125.67419999999998</v>
      </c>
      <c r="D1907">
        <v>251.34839999999997</v>
      </c>
    </row>
    <row r="1908" spans="1:4" x14ac:dyDescent="0.25">
      <c r="A1908" s="1">
        <v>41871</v>
      </c>
      <c r="B1908" s="2">
        <v>0.16723379629629631</v>
      </c>
      <c r="C1908">
        <v>125.74079999999999</v>
      </c>
      <c r="D1908">
        <v>251.48159999999999</v>
      </c>
    </row>
    <row r="1909" spans="1:4" x14ac:dyDescent="0.25">
      <c r="A1909" s="1">
        <v>41871</v>
      </c>
      <c r="B1909" s="2">
        <v>0.40650462962962958</v>
      </c>
      <c r="C1909">
        <v>125.8074</v>
      </c>
      <c r="D1909">
        <v>251.6148</v>
      </c>
    </row>
    <row r="1910" spans="1:4" x14ac:dyDescent="0.25">
      <c r="A1910" s="1">
        <v>41871</v>
      </c>
      <c r="B1910" s="2">
        <v>0.65538194444444442</v>
      </c>
      <c r="C1910">
        <v>125.87399999999998</v>
      </c>
      <c r="D1910">
        <v>251.74799999999996</v>
      </c>
    </row>
    <row r="1911" spans="1:4" x14ac:dyDescent="0.25">
      <c r="A1911" s="1">
        <v>41871</v>
      </c>
      <c r="B1911" s="2">
        <v>0.86739583333333325</v>
      </c>
      <c r="C1911">
        <v>125.94059999999999</v>
      </c>
      <c r="D1911">
        <v>251.88119999999998</v>
      </c>
    </row>
    <row r="1912" spans="1:4" x14ac:dyDescent="0.25">
      <c r="A1912" s="1">
        <v>41871</v>
      </c>
      <c r="B1912" s="2">
        <v>0.8765856481481481</v>
      </c>
      <c r="C1912">
        <v>126.00719999999998</v>
      </c>
      <c r="D1912">
        <v>252.01439999999997</v>
      </c>
    </row>
    <row r="1913" spans="1:4" x14ac:dyDescent="0.25">
      <c r="A1913" s="1">
        <v>41871</v>
      </c>
      <c r="B1913" s="2">
        <v>0.88739583333333327</v>
      </c>
      <c r="C1913">
        <v>126.07379999999999</v>
      </c>
      <c r="D1913">
        <v>252.14759999999998</v>
      </c>
    </row>
    <row r="1914" spans="1:4" x14ac:dyDescent="0.25">
      <c r="A1914" s="1">
        <v>41871</v>
      </c>
      <c r="B1914" s="2">
        <v>0.90210648148148154</v>
      </c>
      <c r="C1914">
        <v>126.1404</v>
      </c>
      <c r="D1914">
        <v>252.2808</v>
      </c>
    </row>
    <row r="1915" spans="1:4" x14ac:dyDescent="0.25">
      <c r="A1915" s="1">
        <v>41871</v>
      </c>
      <c r="B1915" s="2">
        <v>0.91972222222222222</v>
      </c>
      <c r="C1915">
        <v>126.20699999999998</v>
      </c>
      <c r="D1915">
        <v>252.41399999999996</v>
      </c>
    </row>
    <row r="1916" spans="1:4" x14ac:dyDescent="0.25">
      <c r="A1916" s="1">
        <v>41871</v>
      </c>
      <c r="B1916" s="2">
        <v>0.9406944444444445</v>
      </c>
      <c r="C1916">
        <v>126.27359999999999</v>
      </c>
      <c r="D1916">
        <v>252.54719999999998</v>
      </c>
    </row>
    <row r="1917" spans="1:4" x14ac:dyDescent="0.25">
      <c r="A1917" s="1">
        <v>41871</v>
      </c>
      <c r="B1917" s="2">
        <v>0.96204861111111117</v>
      </c>
      <c r="C1917">
        <v>126.34019999999998</v>
      </c>
      <c r="D1917">
        <v>252.68039999999996</v>
      </c>
    </row>
    <row r="1918" spans="1:4" x14ac:dyDescent="0.25">
      <c r="A1918" s="1">
        <v>41871</v>
      </c>
      <c r="B1918" s="2">
        <v>0.98440972222222223</v>
      </c>
      <c r="C1918">
        <v>126.40679999999999</v>
      </c>
      <c r="D1918">
        <v>252.81359999999998</v>
      </c>
    </row>
    <row r="1919" spans="1:4" x14ac:dyDescent="0.25">
      <c r="A1919" s="1">
        <v>41872</v>
      </c>
      <c r="B1919" s="2">
        <v>5.3356481481481484E-3</v>
      </c>
      <c r="C1919">
        <v>126.4734</v>
      </c>
      <c r="D1919">
        <v>252.9468</v>
      </c>
    </row>
    <row r="1920" spans="1:4" x14ac:dyDescent="0.25">
      <c r="A1920" s="1">
        <v>41872</v>
      </c>
      <c r="B1920" s="2">
        <v>2.6747685185185183E-2</v>
      </c>
      <c r="C1920">
        <v>126.53999999999999</v>
      </c>
      <c r="D1920">
        <v>253.07999999999998</v>
      </c>
    </row>
    <row r="1921" spans="1:4" x14ac:dyDescent="0.25">
      <c r="A1921" s="1">
        <v>41872</v>
      </c>
      <c r="B1921" s="2">
        <v>4.65625E-2</v>
      </c>
      <c r="C1921">
        <v>126.60659999999999</v>
      </c>
      <c r="D1921">
        <v>253.21319999999997</v>
      </c>
    </row>
    <row r="1922" spans="1:4" x14ac:dyDescent="0.25">
      <c r="A1922" s="1">
        <v>41872</v>
      </c>
      <c r="B1922" s="2">
        <v>6.4189814814814811E-2</v>
      </c>
      <c r="C1922">
        <v>126.67319999999998</v>
      </c>
      <c r="D1922">
        <v>253.34639999999996</v>
      </c>
    </row>
    <row r="1923" spans="1:4" x14ac:dyDescent="0.25">
      <c r="A1923" s="1">
        <v>41872</v>
      </c>
      <c r="B1923" s="2">
        <v>7.18287037037037E-2</v>
      </c>
      <c r="C1923">
        <v>126.73979999999999</v>
      </c>
      <c r="D1923">
        <v>253.47959999999998</v>
      </c>
    </row>
    <row r="1924" spans="1:4" x14ac:dyDescent="0.25">
      <c r="A1924" s="1">
        <v>41872</v>
      </c>
      <c r="B1924" s="2">
        <v>7.7997685185185184E-2</v>
      </c>
      <c r="C1924">
        <v>126.8064</v>
      </c>
      <c r="D1924">
        <v>253.61279999999999</v>
      </c>
    </row>
    <row r="1925" spans="1:4" x14ac:dyDescent="0.25">
      <c r="A1925" s="1">
        <v>41872</v>
      </c>
      <c r="B1925" s="2">
        <v>8.2916666666666666E-2</v>
      </c>
      <c r="C1925">
        <v>126.87299999999999</v>
      </c>
      <c r="D1925">
        <v>253.74599999999998</v>
      </c>
    </row>
    <row r="1926" spans="1:4" x14ac:dyDescent="0.25">
      <c r="A1926" s="1">
        <v>41872</v>
      </c>
      <c r="B1926" s="2">
        <v>8.7222222222222215E-2</v>
      </c>
      <c r="C1926">
        <v>126.93959999999998</v>
      </c>
      <c r="D1926">
        <v>253.87919999999997</v>
      </c>
    </row>
    <row r="1927" spans="1:4" x14ac:dyDescent="0.25">
      <c r="A1927" s="1">
        <v>41872</v>
      </c>
      <c r="B1927" s="2">
        <v>9.0891203703703696E-2</v>
      </c>
      <c r="C1927">
        <v>127.00619999999998</v>
      </c>
      <c r="D1927">
        <v>254.01239999999996</v>
      </c>
    </row>
    <row r="1928" spans="1:4" x14ac:dyDescent="0.25">
      <c r="A1928" s="1">
        <v>41872</v>
      </c>
      <c r="B1928" s="2">
        <v>9.4421296296296295E-2</v>
      </c>
      <c r="C1928">
        <v>127.07279999999999</v>
      </c>
      <c r="D1928">
        <v>254.14559999999997</v>
      </c>
    </row>
    <row r="1929" spans="1:4" x14ac:dyDescent="0.25">
      <c r="A1929" s="1">
        <v>41872</v>
      </c>
      <c r="B1929" s="2">
        <v>9.7719907407407394E-2</v>
      </c>
      <c r="C1929">
        <v>127.13939999999999</v>
      </c>
      <c r="D1929">
        <v>254.27879999999999</v>
      </c>
    </row>
    <row r="1930" spans="1:4" x14ac:dyDescent="0.25">
      <c r="A1930" s="1">
        <v>41872</v>
      </c>
      <c r="B1930" s="2">
        <v>0.1007986111111111</v>
      </c>
      <c r="C1930">
        <v>127.20599999999999</v>
      </c>
      <c r="D1930">
        <v>254.41199999999998</v>
      </c>
    </row>
    <row r="1931" spans="1:4" x14ac:dyDescent="0.25">
      <c r="A1931" s="1">
        <v>41872</v>
      </c>
      <c r="B1931" s="2">
        <v>0.10314814814814816</v>
      </c>
      <c r="C1931">
        <v>127.2726</v>
      </c>
      <c r="D1931">
        <v>254.54519999999999</v>
      </c>
    </row>
    <row r="1932" spans="1:4" x14ac:dyDescent="0.25">
      <c r="A1932" s="1">
        <v>41872</v>
      </c>
      <c r="B1932" s="2">
        <v>0.10599537037037036</v>
      </c>
      <c r="C1932">
        <v>127.33919999999998</v>
      </c>
      <c r="D1932">
        <v>254.67839999999995</v>
      </c>
    </row>
    <row r="1933" spans="1:4" x14ac:dyDescent="0.25">
      <c r="A1933" s="1">
        <v>41872</v>
      </c>
      <c r="B1933" s="2">
        <v>0.10910879629629629</v>
      </c>
      <c r="C1933">
        <v>127.40579999999999</v>
      </c>
      <c r="D1933">
        <v>254.81159999999997</v>
      </c>
    </row>
    <row r="1934" spans="1:4" x14ac:dyDescent="0.25">
      <c r="A1934" s="1">
        <v>41872</v>
      </c>
      <c r="B1934" s="2">
        <v>0.1125</v>
      </c>
      <c r="C1934">
        <v>127.47239999999999</v>
      </c>
      <c r="D1934">
        <v>254.94479999999999</v>
      </c>
    </row>
    <row r="1935" spans="1:4" x14ac:dyDescent="0.25">
      <c r="A1935" s="1">
        <v>41872</v>
      </c>
      <c r="B1935" s="2">
        <v>0.11578703703703704</v>
      </c>
      <c r="C1935">
        <v>127.53899999999999</v>
      </c>
      <c r="D1935">
        <v>255.07799999999997</v>
      </c>
    </row>
    <row r="1936" spans="1:4" x14ac:dyDescent="0.25">
      <c r="A1936" s="1">
        <v>41872</v>
      </c>
      <c r="B1936" s="2">
        <v>0.11931712962962963</v>
      </c>
      <c r="C1936">
        <v>127.6056</v>
      </c>
      <c r="D1936">
        <v>255.21119999999999</v>
      </c>
    </row>
    <row r="1937" spans="1:4" x14ac:dyDescent="0.25">
      <c r="A1937" s="1">
        <v>41872</v>
      </c>
      <c r="B1937" s="2">
        <v>0.12254629629629631</v>
      </c>
      <c r="C1937">
        <v>127.67219999999999</v>
      </c>
      <c r="D1937">
        <v>255.34439999999998</v>
      </c>
    </row>
    <row r="1938" spans="1:4" x14ac:dyDescent="0.25">
      <c r="A1938" s="1">
        <v>41872</v>
      </c>
      <c r="B1938" s="2">
        <v>0.12495370370370369</v>
      </c>
      <c r="C1938">
        <v>127.73879999999998</v>
      </c>
      <c r="D1938">
        <v>255.47759999999997</v>
      </c>
    </row>
    <row r="1939" spans="1:4" x14ac:dyDescent="0.25">
      <c r="A1939" s="1">
        <v>41872</v>
      </c>
      <c r="B1939" s="2">
        <v>0.12546296296296297</v>
      </c>
      <c r="C1939">
        <v>127.80539999999999</v>
      </c>
      <c r="D1939">
        <v>255.61079999999998</v>
      </c>
    </row>
    <row r="1940" spans="1:4" x14ac:dyDescent="0.25">
      <c r="A1940" s="1">
        <v>41872</v>
      </c>
      <c r="B1940" s="2">
        <v>0.1257986111111111</v>
      </c>
      <c r="C1940">
        <v>127.87199999999999</v>
      </c>
      <c r="D1940">
        <v>255.74399999999997</v>
      </c>
    </row>
    <row r="1941" spans="1:4" x14ac:dyDescent="0.25">
      <c r="A1941" s="1">
        <v>41872</v>
      </c>
      <c r="B1941" s="2">
        <v>0.12608796296296296</v>
      </c>
      <c r="C1941">
        <v>127.93859999999999</v>
      </c>
      <c r="D1941">
        <v>255.87719999999999</v>
      </c>
    </row>
    <row r="1942" spans="1:4" x14ac:dyDescent="0.25">
      <c r="A1942" s="1">
        <v>41872</v>
      </c>
      <c r="B1942" s="2">
        <v>0.12636574074074072</v>
      </c>
      <c r="C1942">
        <v>128.00519999999997</v>
      </c>
      <c r="D1942">
        <v>256.01039999999995</v>
      </c>
    </row>
    <row r="1943" spans="1:4" x14ac:dyDescent="0.25">
      <c r="A1943" s="1">
        <v>41872</v>
      </c>
      <c r="B1943" s="2">
        <v>0.12664351851851852</v>
      </c>
      <c r="C1943">
        <v>128.0718</v>
      </c>
      <c r="D1943">
        <v>256.14359999999999</v>
      </c>
    </row>
    <row r="1944" spans="1:4" x14ac:dyDescent="0.25">
      <c r="A1944" s="1">
        <v>41872</v>
      </c>
      <c r="B1944" s="2">
        <v>0.12692129629629631</v>
      </c>
      <c r="C1944">
        <v>128.13839999999999</v>
      </c>
      <c r="D1944">
        <v>256.27679999999998</v>
      </c>
    </row>
    <row r="1945" spans="1:4" x14ac:dyDescent="0.25">
      <c r="A1945" s="1">
        <v>41872</v>
      </c>
      <c r="B1945" s="2">
        <v>0.12719907407407408</v>
      </c>
      <c r="C1945">
        <v>128.20499999999998</v>
      </c>
      <c r="D1945">
        <v>256.40999999999997</v>
      </c>
    </row>
    <row r="1946" spans="1:4" x14ac:dyDescent="0.25">
      <c r="A1946" s="1">
        <v>41872</v>
      </c>
      <c r="B1946" s="2">
        <v>0.12748842592592594</v>
      </c>
      <c r="C1946">
        <v>128.27159999999998</v>
      </c>
      <c r="D1946">
        <v>256.54319999999996</v>
      </c>
    </row>
    <row r="1947" spans="1:4" x14ac:dyDescent="0.25">
      <c r="A1947" s="1">
        <v>41872</v>
      </c>
      <c r="B1947" s="2">
        <v>0.1277777777777778</v>
      </c>
      <c r="C1947">
        <v>128.33819999999997</v>
      </c>
      <c r="D1947">
        <v>256.67639999999994</v>
      </c>
    </row>
    <row r="1948" spans="1:4" x14ac:dyDescent="0.25">
      <c r="A1948" s="1">
        <v>41872</v>
      </c>
      <c r="B1948" s="2">
        <v>0.12809027777777779</v>
      </c>
      <c r="C1948">
        <v>128.40479999999999</v>
      </c>
      <c r="D1948">
        <v>256.80959999999999</v>
      </c>
    </row>
    <row r="1949" spans="1:4" x14ac:dyDescent="0.25">
      <c r="A1949" s="1">
        <v>41872</v>
      </c>
      <c r="B1949" s="2">
        <v>0.12839120370370369</v>
      </c>
      <c r="C1949">
        <v>128.47139999999999</v>
      </c>
      <c r="D1949">
        <v>256.94279999999998</v>
      </c>
    </row>
    <row r="1950" spans="1:4" x14ac:dyDescent="0.25">
      <c r="A1950" s="1">
        <v>41872</v>
      </c>
      <c r="B1950" s="2">
        <v>0.12872685185185184</v>
      </c>
      <c r="C1950">
        <v>128.53799999999998</v>
      </c>
      <c r="D1950">
        <v>257.07599999999996</v>
      </c>
    </row>
    <row r="1951" spans="1:4" x14ac:dyDescent="0.25">
      <c r="A1951" s="1">
        <v>41872</v>
      </c>
      <c r="B1951" s="2">
        <v>0.12905092592592593</v>
      </c>
      <c r="C1951">
        <v>128.6046</v>
      </c>
      <c r="D1951">
        <v>257.20920000000001</v>
      </c>
    </row>
    <row r="1952" spans="1:4" x14ac:dyDescent="0.25">
      <c r="A1952" s="1">
        <v>41872</v>
      </c>
      <c r="B1952" s="2">
        <v>0.12939814814814815</v>
      </c>
      <c r="C1952">
        <v>128.67119999999997</v>
      </c>
      <c r="D1952">
        <v>257.34239999999994</v>
      </c>
    </row>
    <row r="1953" spans="1:4" x14ac:dyDescent="0.25">
      <c r="A1953" s="1">
        <v>41872</v>
      </c>
      <c r="B1953" s="2">
        <v>0.12975694444444444</v>
      </c>
      <c r="C1953">
        <v>128.73779999999999</v>
      </c>
      <c r="D1953">
        <v>257.47559999999999</v>
      </c>
    </row>
    <row r="1954" spans="1:4" x14ac:dyDescent="0.25">
      <c r="A1954" s="1">
        <v>41872</v>
      </c>
      <c r="B1954" s="2">
        <v>0.13012731481481482</v>
      </c>
      <c r="C1954">
        <v>128.80439999999999</v>
      </c>
      <c r="D1954">
        <v>257.60879999999997</v>
      </c>
    </row>
    <row r="1955" spans="1:4" x14ac:dyDescent="0.25">
      <c r="A1955" s="1">
        <v>41872</v>
      </c>
      <c r="B1955" s="2">
        <v>0.1304976851851852</v>
      </c>
      <c r="C1955">
        <v>128.87099999999998</v>
      </c>
      <c r="D1955">
        <v>257.74199999999996</v>
      </c>
    </row>
    <row r="1956" spans="1:4" x14ac:dyDescent="0.25">
      <c r="A1956" s="1">
        <v>41872</v>
      </c>
      <c r="B1956" s="2">
        <v>0.13090277777777778</v>
      </c>
      <c r="C1956">
        <v>128.9376</v>
      </c>
      <c r="D1956">
        <v>257.87520000000001</v>
      </c>
    </row>
    <row r="1957" spans="1:4" x14ac:dyDescent="0.25">
      <c r="A1957" s="1">
        <v>41872</v>
      </c>
      <c r="B1957" s="2">
        <v>0.13128472222222223</v>
      </c>
      <c r="C1957">
        <v>129.00419999999997</v>
      </c>
      <c r="D1957">
        <v>258.00839999999994</v>
      </c>
    </row>
    <row r="1958" spans="1:4" x14ac:dyDescent="0.25">
      <c r="A1958" s="1">
        <v>41872</v>
      </c>
      <c r="B1958" s="2">
        <v>0.13162037037037036</v>
      </c>
      <c r="C1958">
        <v>129.07079999999999</v>
      </c>
      <c r="D1958">
        <v>258.14159999999998</v>
      </c>
    </row>
    <row r="1959" spans="1:4" x14ac:dyDescent="0.25">
      <c r="A1959" s="1">
        <v>41872</v>
      </c>
      <c r="B1959" s="2">
        <v>0.13185185185185186</v>
      </c>
      <c r="C1959">
        <v>129.13739999999999</v>
      </c>
      <c r="D1959">
        <v>258.27479999999997</v>
      </c>
    </row>
    <row r="1960" spans="1:4" x14ac:dyDescent="0.25">
      <c r="A1960" s="1">
        <v>41872</v>
      </c>
      <c r="B1960" s="2">
        <v>0.1320486111111111</v>
      </c>
      <c r="C1960">
        <v>129.20399999999998</v>
      </c>
      <c r="D1960">
        <v>258.40799999999996</v>
      </c>
    </row>
    <row r="1961" spans="1:4" x14ac:dyDescent="0.25">
      <c r="A1961" s="1">
        <v>41872</v>
      </c>
      <c r="B1961" s="2">
        <v>0.13219907407407408</v>
      </c>
      <c r="C1961">
        <v>129.2706</v>
      </c>
      <c r="D1961">
        <v>258.5412</v>
      </c>
    </row>
    <row r="1962" spans="1:4" x14ac:dyDescent="0.25">
      <c r="A1962" s="1">
        <v>41872</v>
      </c>
      <c r="B1962" s="2">
        <v>0.13233796296296296</v>
      </c>
      <c r="C1962">
        <v>129.3372</v>
      </c>
      <c r="D1962">
        <v>258.67439999999999</v>
      </c>
    </row>
    <row r="1963" spans="1:4" x14ac:dyDescent="0.25">
      <c r="A1963" s="1">
        <v>41872</v>
      </c>
      <c r="B1963" s="2">
        <v>0.13245370370370371</v>
      </c>
      <c r="C1963">
        <v>129.40379999999999</v>
      </c>
      <c r="D1963">
        <v>258.80759999999998</v>
      </c>
    </row>
    <row r="1964" spans="1:4" x14ac:dyDescent="0.25">
      <c r="A1964" s="1">
        <v>41872</v>
      </c>
      <c r="B1964" s="2">
        <v>0.13258101851851853</v>
      </c>
      <c r="C1964">
        <v>129.47039999999998</v>
      </c>
      <c r="D1964">
        <v>258.94079999999997</v>
      </c>
    </row>
    <row r="1965" spans="1:4" x14ac:dyDescent="0.25">
      <c r="A1965" s="1">
        <v>41872</v>
      </c>
      <c r="B1965" s="2">
        <v>0.13268518518518518</v>
      </c>
      <c r="C1965">
        <v>129.53699999999998</v>
      </c>
      <c r="D1965">
        <v>259.07399999999996</v>
      </c>
    </row>
    <row r="1966" spans="1:4" x14ac:dyDescent="0.25">
      <c r="A1966" s="1">
        <v>41872</v>
      </c>
      <c r="B1966" s="2">
        <v>0.13280092592592593</v>
      </c>
      <c r="C1966">
        <v>129.6036</v>
      </c>
      <c r="D1966">
        <v>259.2072</v>
      </c>
    </row>
    <row r="1967" spans="1:4" x14ac:dyDescent="0.25">
      <c r="A1967" s="1">
        <v>41872</v>
      </c>
      <c r="B1967" s="2">
        <v>0.13289351851851852</v>
      </c>
      <c r="C1967">
        <v>129.67019999999999</v>
      </c>
      <c r="D1967">
        <v>259.34039999999999</v>
      </c>
    </row>
    <row r="1968" spans="1:4" x14ac:dyDescent="0.25">
      <c r="A1968" s="1">
        <v>41872</v>
      </c>
      <c r="B1968" s="2">
        <v>0.13299768518518518</v>
      </c>
      <c r="C1968">
        <v>129.73679999999999</v>
      </c>
      <c r="D1968">
        <v>259.47359999999998</v>
      </c>
    </row>
    <row r="1969" spans="1:4" x14ac:dyDescent="0.25">
      <c r="A1969" s="1">
        <v>41872</v>
      </c>
      <c r="B1969" s="2">
        <v>0.13310185185185186</v>
      </c>
      <c r="C1969">
        <v>129.80339999999998</v>
      </c>
      <c r="D1969">
        <v>259.60679999999996</v>
      </c>
    </row>
    <row r="1970" spans="1:4" x14ac:dyDescent="0.25">
      <c r="A1970" s="1">
        <v>41872</v>
      </c>
      <c r="B1970" s="2">
        <v>0.13320601851851852</v>
      </c>
      <c r="C1970">
        <v>129.86999999999998</v>
      </c>
      <c r="D1970">
        <v>259.73999999999995</v>
      </c>
    </row>
    <row r="1971" spans="1:4" x14ac:dyDescent="0.25">
      <c r="A1971" s="1">
        <v>41872</v>
      </c>
      <c r="B1971" s="2">
        <v>0.1332986111111111</v>
      </c>
      <c r="C1971">
        <v>129.9366</v>
      </c>
      <c r="D1971">
        <v>259.8732</v>
      </c>
    </row>
    <row r="1972" spans="1:4" x14ac:dyDescent="0.25">
      <c r="A1972" s="1">
        <v>41872</v>
      </c>
      <c r="B1972" s="2">
        <v>0.13340277777777779</v>
      </c>
      <c r="C1972">
        <v>130.00319999999999</v>
      </c>
      <c r="D1972">
        <v>260.00639999999999</v>
      </c>
    </row>
    <row r="1973" spans="1:4" x14ac:dyDescent="0.25">
      <c r="A1973" s="1">
        <v>41872</v>
      </c>
      <c r="B1973" s="2">
        <v>0.13349537037037038</v>
      </c>
      <c r="C1973">
        <v>130.06979999999999</v>
      </c>
      <c r="D1973">
        <v>260.13959999999997</v>
      </c>
    </row>
    <row r="1974" spans="1:4" x14ac:dyDescent="0.25">
      <c r="A1974" s="1">
        <v>41872</v>
      </c>
      <c r="B1974" s="2">
        <v>0.13359953703703703</v>
      </c>
      <c r="C1974">
        <v>130.13639999999998</v>
      </c>
      <c r="D1974">
        <v>260.27279999999996</v>
      </c>
    </row>
    <row r="1975" spans="1:4" x14ac:dyDescent="0.25">
      <c r="A1975" s="1">
        <v>41872</v>
      </c>
      <c r="B1975" s="2">
        <v>0.13369212962962965</v>
      </c>
      <c r="C1975">
        <v>130.20299999999997</v>
      </c>
      <c r="D1975">
        <v>260.40599999999995</v>
      </c>
    </row>
    <row r="1976" spans="1:4" x14ac:dyDescent="0.25">
      <c r="A1976" s="1">
        <v>41872</v>
      </c>
      <c r="B1976" s="2">
        <v>0.1337962962962963</v>
      </c>
      <c r="C1976">
        <v>130.2696</v>
      </c>
      <c r="D1976">
        <v>260.53919999999999</v>
      </c>
    </row>
    <row r="1977" spans="1:4" x14ac:dyDescent="0.25">
      <c r="A1977" s="1">
        <v>41872</v>
      </c>
      <c r="B1977" s="2">
        <v>0.13388888888888889</v>
      </c>
      <c r="C1977">
        <v>130.33619999999999</v>
      </c>
      <c r="D1977">
        <v>260.67239999999998</v>
      </c>
    </row>
    <row r="1978" spans="1:4" x14ac:dyDescent="0.25">
      <c r="A1978" s="1">
        <v>41872</v>
      </c>
      <c r="B1978" s="2">
        <v>0.13398148148148148</v>
      </c>
      <c r="C1978">
        <v>130.40279999999998</v>
      </c>
      <c r="D1978">
        <v>260.80559999999997</v>
      </c>
    </row>
    <row r="1979" spans="1:4" x14ac:dyDescent="0.25">
      <c r="A1979" s="1">
        <v>41872</v>
      </c>
      <c r="B1979" s="2">
        <v>0.13407407407407407</v>
      </c>
      <c r="C1979">
        <v>130.46940000000001</v>
      </c>
      <c r="D1979">
        <v>260.93880000000001</v>
      </c>
    </row>
    <row r="1980" spans="1:4" x14ac:dyDescent="0.25">
      <c r="A1980" s="1">
        <v>41872</v>
      </c>
      <c r="B1980" s="2">
        <v>0.13417824074074072</v>
      </c>
      <c r="C1980">
        <v>130.53599999999997</v>
      </c>
      <c r="D1980">
        <v>261.07199999999995</v>
      </c>
    </row>
    <row r="1981" spans="1:4" x14ac:dyDescent="0.25">
      <c r="A1981" s="1">
        <v>41872</v>
      </c>
      <c r="B1981" s="2">
        <v>0.13427083333333334</v>
      </c>
      <c r="C1981">
        <v>130.6026</v>
      </c>
      <c r="D1981">
        <v>261.20519999999999</v>
      </c>
    </row>
    <row r="1982" spans="1:4" x14ac:dyDescent="0.25">
      <c r="A1982" s="1">
        <v>41872</v>
      </c>
      <c r="B1982" s="2">
        <v>0.13437499999999999</v>
      </c>
      <c r="C1982">
        <v>130.66919999999999</v>
      </c>
      <c r="D1982">
        <v>261.33839999999998</v>
      </c>
    </row>
    <row r="1983" spans="1:4" x14ac:dyDescent="0.25">
      <c r="A1983" s="1">
        <v>41872</v>
      </c>
      <c r="B1983" s="2">
        <v>0.13446759259259258</v>
      </c>
      <c r="C1983">
        <v>130.73579999999998</v>
      </c>
      <c r="D1983">
        <v>261.47159999999997</v>
      </c>
    </row>
    <row r="1984" spans="1:4" x14ac:dyDescent="0.25">
      <c r="A1984" s="1">
        <v>41872</v>
      </c>
      <c r="B1984" s="2">
        <v>0.13457175925925927</v>
      </c>
      <c r="C1984">
        <v>130.80240000000001</v>
      </c>
      <c r="D1984">
        <v>261.60480000000001</v>
      </c>
    </row>
    <row r="1985" spans="1:4" x14ac:dyDescent="0.25">
      <c r="A1985" s="1">
        <v>41872</v>
      </c>
      <c r="B1985" s="2">
        <v>0.13467592592592592</v>
      </c>
      <c r="C1985">
        <v>130.86899999999997</v>
      </c>
      <c r="D1985">
        <v>261.73799999999994</v>
      </c>
    </row>
    <row r="1986" spans="1:4" x14ac:dyDescent="0.25">
      <c r="A1986" s="1">
        <v>41872</v>
      </c>
      <c r="B1986" s="2">
        <v>0.13480324074074074</v>
      </c>
      <c r="C1986">
        <v>130.93559999999999</v>
      </c>
      <c r="D1986">
        <v>261.87119999999999</v>
      </c>
    </row>
    <row r="1987" spans="1:4" x14ac:dyDescent="0.25">
      <c r="A1987" s="1">
        <v>41872</v>
      </c>
      <c r="B1987" s="2">
        <v>0.13491898148148149</v>
      </c>
      <c r="C1987">
        <v>131.00219999999999</v>
      </c>
      <c r="D1987">
        <v>262.00439999999998</v>
      </c>
    </row>
    <row r="1988" spans="1:4" x14ac:dyDescent="0.25">
      <c r="A1988" s="1">
        <v>41872</v>
      </c>
      <c r="B1988" s="2">
        <v>0.13505787037037037</v>
      </c>
      <c r="C1988">
        <v>131.06879999999998</v>
      </c>
      <c r="D1988">
        <v>262.13759999999996</v>
      </c>
    </row>
    <row r="1989" spans="1:4" x14ac:dyDescent="0.25">
      <c r="A1989" s="1">
        <v>41872</v>
      </c>
      <c r="B1989" s="2">
        <v>0.13518518518518519</v>
      </c>
      <c r="C1989">
        <v>131.1354</v>
      </c>
      <c r="D1989">
        <v>262.27080000000001</v>
      </c>
    </row>
    <row r="1990" spans="1:4" x14ac:dyDescent="0.25">
      <c r="A1990" s="1">
        <v>41872</v>
      </c>
      <c r="B1990" s="2">
        <v>0.13532407407407407</v>
      </c>
      <c r="C1990">
        <v>131.202</v>
      </c>
      <c r="D1990">
        <v>262.404</v>
      </c>
    </row>
    <row r="1991" spans="1:4" x14ac:dyDescent="0.25">
      <c r="A1991" s="1">
        <v>41872</v>
      </c>
      <c r="B1991" s="2">
        <v>0.13547453703703705</v>
      </c>
      <c r="C1991">
        <v>131.26859999999996</v>
      </c>
      <c r="D1991">
        <v>262.53719999999993</v>
      </c>
    </row>
    <row r="1992" spans="1:4" x14ac:dyDescent="0.25">
      <c r="A1992" s="1">
        <v>41872</v>
      </c>
      <c r="B1992" s="2">
        <v>0.135625</v>
      </c>
      <c r="C1992">
        <v>131.33519999999999</v>
      </c>
      <c r="D1992">
        <v>262.67039999999997</v>
      </c>
    </row>
    <row r="1993" spans="1:4" x14ac:dyDescent="0.25">
      <c r="A1993" s="1">
        <v>41872</v>
      </c>
      <c r="B1993" s="2">
        <v>0.13577546296296297</v>
      </c>
      <c r="C1993">
        <v>131.40179999999998</v>
      </c>
      <c r="D1993">
        <v>262.80359999999996</v>
      </c>
    </row>
    <row r="1994" spans="1:4" x14ac:dyDescent="0.25">
      <c r="A1994" s="1">
        <v>41872</v>
      </c>
      <c r="B1994" s="2">
        <v>0.13593750000000002</v>
      </c>
      <c r="C1994">
        <v>131.4684</v>
      </c>
      <c r="D1994">
        <v>262.93680000000001</v>
      </c>
    </row>
    <row r="1995" spans="1:4" x14ac:dyDescent="0.25">
      <c r="A1995" s="1">
        <v>41872</v>
      </c>
      <c r="B1995" s="2">
        <v>0.1361111111111111</v>
      </c>
      <c r="C1995">
        <v>131.535</v>
      </c>
      <c r="D1995">
        <v>263.07</v>
      </c>
    </row>
    <row r="1996" spans="1:4" x14ac:dyDescent="0.25">
      <c r="A1996" s="1">
        <v>41872</v>
      </c>
      <c r="B1996" s="2">
        <v>0.13628472222222224</v>
      </c>
      <c r="C1996">
        <v>131.60159999999999</v>
      </c>
      <c r="D1996">
        <v>263.20319999999998</v>
      </c>
    </row>
    <row r="1997" spans="1:4" x14ac:dyDescent="0.25">
      <c r="A1997" s="1">
        <v>41872</v>
      </c>
      <c r="B1997" s="2">
        <v>0.13646990740740741</v>
      </c>
      <c r="C1997">
        <v>131.66819999999998</v>
      </c>
      <c r="D1997">
        <v>263.33639999999997</v>
      </c>
    </row>
    <row r="1998" spans="1:4" x14ac:dyDescent="0.25">
      <c r="A1998" s="1">
        <v>41872</v>
      </c>
      <c r="B1998" s="2">
        <v>0.13665509259259259</v>
      </c>
      <c r="C1998">
        <v>131.73479999999998</v>
      </c>
      <c r="D1998">
        <v>263.46959999999996</v>
      </c>
    </row>
    <row r="1999" spans="1:4" x14ac:dyDescent="0.25">
      <c r="A1999" s="1">
        <v>41872</v>
      </c>
      <c r="B1999" s="2">
        <v>0.13685185185185186</v>
      </c>
      <c r="C1999">
        <v>131.8014</v>
      </c>
      <c r="D1999">
        <v>263.6028</v>
      </c>
    </row>
    <row r="2000" spans="1:4" x14ac:dyDescent="0.25">
      <c r="A2000" s="1">
        <v>41872</v>
      </c>
      <c r="B2000" s="2">
        <v>0.13707175925925927</v>
      </c>
      <c r="C2000">
        <v>131.86799999999999</v>
      </c>
      <c r="D2000">
        <v>263.73599999999999</v>
      </c>
    </row>
    <row r="2001" spans="1:4" x14ac:dyDescent="0.25">
      <c r="A2001" s="1">
        <v>41872</v>
      </c>
      <c r="B2001" s="2">
        <v>0.13728009259259258</v>
      </c>
      <c r="C2001">
        <v>131.93459999999999</v>
      </c>
      <c r="D2001">
        <v>263.86919999999998</v>
      </c>
    </row>
    <row r="2002" spans="1:4" x14ac:dyDescent="0.25">
      <c r="A2002" s="1">
        <v>41872</v>
      </c>
      <c r="B2002" s="2">
        <v>0.13751157407407408</v>
      </c>
      <c r="C2002">
        <v>132.00119999999998</v>
      </c>
      <c r="D2002">
        <v>264.00239999999997</v>
      </c>
    </row>
    <row r="2003" spans="1:4" x14ac:dyDescent="0.25">
      <c r="A2003" s="1">
        <v>41872</v>
      </c>
      <c r="B2003" s="2">
        <v>0.13773148148148148</v>
      </c>
      <c r="C2003">
        <v>132.06779999999998</v>
      </c>
      <c r="D2003">
        <v>264.13559999999995</v>
      </c>
    </row>
    <row r="2004" spans="1:4" x14ac:dyDescent="0.25">
      <c r="A2004" s="1">
        <v>41872</v>
      </c>
      <c r="B2004" s="2">
        <v>0.13798611111111111</v>
      </c>
      <c r="C2004">
        <v>132.1344</v>
      </c>
      <c r="D2004">
        <v>264.2688</v>
      </c>
    </row>
    <row r="2005" spans="1:4" x14ac:dyDescent="0.25">
      <c r="A2005" s="1">
        <v>41872</v>
      </c>
      <c r="B2005" s="2">
        <v>0.13822916666666665</v>
      </c>
      <c r="C2005">
        <v>132.20099999999999</v>
      </c>
      <c r="D2005">
        <v>264.40199999999999</v>
      </c>
    </row>
    <row r="2006" spans="1:4" x14ac:dyDescent="0.25">
      <c r="A2006" s="1">
        <v>41872</v>
      </c>
      <c r="B2006" s="2">
        <v>0.13850694444444445</v>
      </c>
      <c r="C2006">
        <v>132.26759999999999</v>
      </c>
      <c r="D2006">
        <v>264.53519999999997</v>
      </c>
    </row>
    <row r="2007" spans="1:4" x14ac:dyDescent="0.25">
      <c r="A2007" s="1">
        <v>41872</v>
      </c>
      <c r="B2007" s="2">
        <v>0.13876157407407408</v>
      </c>
      <c r="C2007">
        <v>132.33419999999998</v>
      </c>
      <c r="D2007">
        <v>264.66839999999996</v>
      </c>
    </row>
    <row r="2008" spans="1:4" x14ac:dyDescent="0.25">
      <c r="A2008" s="1">
        <v>41872</v>
      </c>
      <c r="B2008" s="2">
        <v>0.13905092592592591</v>
      </c>
      <c r="C2008">
        <v>132.40079999999998</v>
      </c>
      <c r="D2008">
        <v>264.80159999999995</v>
      </c>
    </row>
    <row r="2009" spans="1:4" x14ac:dyDescent="0.25">
      <c r="A2009" s="1">
        <v>41872</v>
      </c>
      <c r="B2009" s="2">
        <v>0.13934027777777777</v>
      </c>
      <c r="C2009">
        <v>132.4674</v>
      </c>
      <c r="D2009">
        <v>264.9348</v>
      </c>
    </row>
    <row r="2010" spans="1:4" x14ac:dyDescent="0.25">
      <c r="A2010" s="1">
        <v>41872</v>
      </c>
      <c r="B2010" s="2">
        <v>0.13966435185185186</v>
      </c>
      <c r="C2010">
        <v>132.53399999999999</v>
      </c>
      <c r="D2010">
        <v>265.06799999999998</v>
      </c>
    </row>
    <row r="2011" spans="1:4" x14ac:dyDescent="0.25">
      <c r="A2011" s="1">
        <v>41872</v>
      </c>
      <c r="B2011" s="2">
        <v>0.13996527777777779</v>
      </c>
      <c r="C2011">
        <v>132.60059999999999</v>
      </c>
      <c r="D2011">
        <v>265.20119999999997</v>
      </c>
    </row>
    <row r="2012" spans="1:4" x14ac:dyDescent="0.25">
      <c r="A2012" s="1">
        <v>41872</v>
      </c>
      <c r="B2012" s="2">
        <v>0.14031250000000001</v>
      </c>
      <c r="C2012">
        <v>132.66719999999998</v>
      </c>
      <c r="D2012">
        <v>265.33439999999996</v>
      </c>
    </row>
    <row r="2013" spans="1:4" x14ac:dyDescent="0.25">
      <c r="A2013" s="1">
        <v>41872</v>
      </c>
      <c r="B2013" s="2">
        <v>0.14064814814814816</v>
      </c>
      <c r="C2013">
        <v>132.7338</v>
      </c>
      <c r="D2013">
        <v>265.4676</v>
      </c>
    </row>
    <row r="2014" spans="1:4" x14ac:dyDescent="0.25">
      <c r="A2014" s="1">
        <v>41872</v>
      </c>
      <c r="B2014" s="2">
        <v>0.14101851851851852</v>
      </c>
      <c r="C2014">
        <v>132.8004</v>
      </c>
      <c r="D2014">
        <v>265.60079999999999</v>
      </c>
    </row>
    <row r="2015" spans="1:4" x14ac:dyDescent="0.25">
      <c r="A2015" s="1">
        <v>41872</v>
      </c>
      <c r="B2015" s="2">
        <v>0.1413888888888889</v>
      </c>
      <c r="C2015">
        <v>132.86699999999999</v>
      </c>
      <c r="D2015">
        <v>265.73399999999998</v>
      </c>
    </row>
    <row r="2016" spans="1:4" x14ac:dyDescent="0.25">
      <c r="A2016" s="1">
        <v>41872</v>
      </c>
      <c r="B2016" s="2">
        <v>0.14179398148148148</v>
      </c>
      <c r="C2016">
        <v>132.93359999999998</v>
      </c>
      <c r="D2016">
        <v>265.86719999999997</v>
      </c>
    </row>
    <row r="2017" spans="1:4" x14ac:dyDescent="0.25">
      <c r="A2017" s="1">
        <v>41872</v>
      </c>
      <c r="B2017" s="2">
        <v>0.14217592592592593</v>
      </c>
      <c r="C2017">
        <v>133.00019999999998</v>
      </c>
      <c r="D2017">
        <v>266.00039999999996</v>
      </c>
    </row>
    <row r="2018" spans="1:4" x14ac:dyDescent="0.25">
      <c r="A2018" s="1">
        <v>41872</v>
      </c>
      <c r="B2018" s="2">
        <v>0.14261574074074074</v>
      </c>
      <c r="C2018">
        <v>133.0668</v>
      </c>
      <c r="D2018">
        <v>266.1336</v>
      </c>
    </row>
    <row r="2019" spans="1:4" x14ac:dyDescent="0.25">
      <c r="A2019" s="1">
        <v>41872</v>
      </c>
      <c r="B2019" s="2">
        <v>0.14303240740740741</v>
      </c>
      <c r="C2019">
        <v>133.13339999999999</v>
      </c>
      <c r="D2019">
        <v>266.26679999999999</v>
      </c>
    </row>
    <row r="2020" spans="1:4" x14ac:dyDescent="0.25">
      <c r="A2020" s="1">
        <v>41872</v>
      </c>
      <c r="B2020" s="2">
        <v>0.14350694444444445</v>
      </c>
      <c r="C2020">
        <v>133.19999999999999</v>
      </c>
      <c r="D2020">
        <v>266.39999999999998</v>
      </c>
    </row>
    <row r="2021" spans="1:4" x14ac:dyDescent="0.25">
      <c r="A2021" s="1">
        <v>41872</v>
      </c>
      <c r="B2021" s="2">
        <v>0.14395833333333333</v>
      </c>
      <c r="C2021">
        <v>133.26659999999998</v>
      </c>
      <c r="D2021">
        <v>266.53319999999997</v>
      </c>
    </row>
    <row r="2022" spans="1:4" x14ac:dyDescent="0.25">
      <c r="A2022" s="1">
        <v>41872</v>
      </c>
      <c r="B2022" s="2">
        <v>0.14446759259259259</v>
      </c>
      <c r="C2022">
        <v>133.33319999999998</v>
      </c>
      <c r="D2022">
        <v>266.66639999999995</v>
      </c>
    </row>
    <row r="2023" spans="1:4" x14ac:dyDescent="0.25">
      <c r="A2023" s="1">
        <v>41872</v>
      </c>
      <c r="B2023" s="2">
        <v>0.14495370370370372</v>
      </c>
      <c r="C2023">
        <v>133.3998</v>
      </c>
      <c r="D2023">
        <v>266.7996</v>
      </c>
    </row>
    <row r="2024" spans="1:4" x14ac:dyDescent="0.25">
      <c r="A2024" s="1">
        <v>41872</v>
      </c>
      <c r="B2024" s="2">
        <v>0.14550925925925925</v>
      </c>
      <c r="C2024">
        <v>133.46639999999999</v>
      </c>
      <c r="D2024">
        <v>266.93279999999999</v>
      </c>
    </row>
    <row r="2025" spans="1:4" x14ac:dyDescent="0.25">
      <c r="A2025" s="1">
        <v>41872</v>
      </c>
      <c r="B2025" s="2">
        <v>0.14603009259259259</v>
      </c>
      <c r="C2025">
        <v>133.53299999999999</v>
      </c>
      <c r="D2025">
        <v>267.06599999999997</v>
      </c>
    </row>
    <row r="2026" spans="1:4" x14ac:dyDescent="0.25">
      <c r="A2026" s="1">
        <v>41872</v>
      </c>
      <c r="B2026" s="2">
        <v>0.14662037037037037</v>
      </c>
      <c r="C2026">
        <v>133.59959999999998</v>
      </c>
      <c r="D2026">
        <v>267.19919999999996</v>
      </c>
    </row>
    <row r="2027" spans="1:4" x14ac:dyDescent="0.25">
      <c r="A2027" s="1">
        <v>41872</v>
      </c>
      <c r="B2027" s="2">
        <v>0.1471875</v>
      </c>
      <c r="C2027">
        <v>133.66619999999998</v>
      </c>
      <c r="D2027">
        <v>267.33239999999995</v>
      </c>
    </row>
    <row r="2028" spans="1:4" x14ac:dyDescent="0.25">
      <c r="A2028" s="1">
        <v>41872</v>
      </c>
      <c r="B2028" s="2">
        <v>0.14781249999999999</v>
      </c>
      <c r="C2028">
        <v>133.7328</v>
      </c>
      <c r="D2028">
        <v>267.46559999999999</v>
      </c>
    </row>
    <row r="2029" spans="1:4" x14ac:dyDescent="0.25">
      <c r="A2029" s="1">
        <v>41872</v>
      </c>
      <c r="B2029" s="2">
        <v>0.14841435185185184</v>
      </c>
      <c r="C2029">
        <v>133.79939999999999</v>
      </c>
      <c r="D2029">
        <v>267.59879999999998</v>
      </c>
    </row>
    <row r="2030" spans="1:4" x14ac:dyDescent="0.25">
      <c r="A2030" s="1">
        <v>41872</v>
      </c>
      <c r="B2030" s="2">
        <v>0.14910879629629628</v>
      </c>
      <c r="C2030">
        <v>133.86600000000001</v>
      </c>
      <c r="D2030">
        <v>267.73200000000003</v>
      </c>
    </row>
    <row r="2031" spans="1:4" x14ac:dyDescent="0.25">
      <c r="A2031" s="1">
        <v>41872</v>
      </c>
      <c r="B2031" s="2">
        <v>0.14975694444444446</v>
      </c>
      <c r="C2031">
        <v>133.93259999999998</v>
      </c>
      <c r="D2031">
        <v>267.86519999999996</v>
      </c>
    </row>
    <row r="2032" spans="1:4" x14ac:dyDescent="0.25">
      <c r="A2032" s="1">
        <v>41872</v>
      </c>
      <c r="B2032" s="2">
        <v>0.15049768518518519</v>
      </c>
      <c r="C2032">
        <v>133.99919999999997</v>
      </c>
      <c r="D2032">
        <v>267.99839999999995</v>
      </c>
    </row>
    <row r="2033" spans="1:4" x14ac:dyDescent="0.25">
      <c r="A2033" s="1">
        <v>41872</v>
      </c>
      <c r="B2033" s="2">
        <v>0.1512037037037037</v>
      </c>
      <c r="C2033">
        <v>134.0658</v>
      </c>
      <c r="D2033">
        <v>268.13159999999999</v>
      </c>
    </row>
    <row r="2034" spans="1:4" x14ac:dyDescent="0.25">
      <c r="A2034" s="1">
        <v>41872</v>
      </c>
      <c r="B2034" s="2">
        <v>0.15199074074074073</v>
      </c>
      <c r="C2034">
        <v>134.13239999999999</v>
      </c>
      <c r="D2034">
        <v>268.26479999999998</v>
      </c>
    </row>
    <row r="2035" spans="1:4" x14ac:dyDescent="0.25">
      <c r="A2035" s="1">
        <v>41872</v>
      </c>
      <c r="B2035" s="2">
        <v>0.15275462962962963</v>
      </c>
      <c r="C2035">
        <v>134.19900000000001</v>
      </c>
      <c r="D2035">
        <v>268.39800000000002</v>
      </c>
    </row>
    <row r="2036" spans="1:4" x14ac:dyDescent="0.25">
      <c r="A2036" s="1">
        <v>41872</v>
      </c>
      <c r="B2036" s="2">
        <v>0.15359953703703702</v>
      </c>
      <c r="C2036">
        <v>134.26559999999998</v>
      </c>
      <c r="D2036">
        <v>268.53119999999996</v>
      </c>
    </row>
    <row r="2037" spans="1:4" x14ac:dyDescent="0.25">
      <c r="A2037" s="1">
        <v>41872</v>
      </c>
      <c r="B2037" s="2">
        <v>0.15442129629629631</v>
      </c>
      <c r="C2037">
        <v>134.33219999999997</v>
      </c>
      <c r="D2037">
        <v>268.66439999999994</v>
      </c>
    </row>
    <row r="2038" spans="1:4" x14ac:dyDescent="0.25">
      <c r="A2038" s="1">
        <v>41872</v>
      </c>
      <c r="B2038" s="2">
        <v>0.15532407407407409</v>
      </c>
      <c r="C2038">
        <v>134.39879999999999</v>
      </c>
      <c r="D2038">
        <v>268.79759999999999</v>
      </c>
    </row>
    <row r="2039" spans="1:4" x14ac:dyDescent="0.25">
      <c r="A2039" s="1">
        <v>41872</v>
      </c>
      <c r="B2039" s="2">
        <v>0.15619212962962961</v>
      </c>
      <c r="C2039">
        <v>134.46539999999999</v>
      </c>
      <c r="D2039">
        <v>268.93079999999998</v>
      </c>
    </row>
    <row r="2040" spans="1:4" x14ac:dyDescent="0.25">
      <c r="A2040" s="1">
        <v>41872</v>
      </c>
      <c r="B2040" s="2">
        <v>0.15716435185185185</v>
      </c>
      <c r="C2040">
        <v>134.53200000000001</v>
      </c>
      <c r="D2040">
        <v>269.06400000000002</v>
      </c>
    </row>
    <row r="2041" spans="1:4" x14ac:dyDescent="0.25">
      <c r="A2041" s="1">
        <v>41872</v>
      </c>
      <c r="B2041" s="2">
        <v>0.15810185185185185</v>
      </c>
      <c r="C2041">
        <v>134.59859999999998</v>
      </c>
      <c r="D2041">
        <v>269.19719999999995</v>
      </c>
    </row>
    <row r="2042" spans="1:4" x14ac:dyDescent="0.25">
      <c r="A2042" s="1">
        <v>41872</v>
      </c>
      <c r="B2042" s="2">
        <v>0.15913194444444445</v>
      </c>
      <c r="C2042">
        <v>134.66519999999997</v>
      </c>
      <c r="D2042">
        <v>269.33039999999994</v>
      </c>
    </row>
    <row r="2043" spans="1:4" x14ac:dyDescent="0.25">
      <c r="A2043" s="1">
        <v>41872</v>
      </c>
      <c r="B2043" s="2">
        <v>0.16011574074074075</v>
      </c>
      <c r="C2043">
        <v>134.73179999999999</v>
      </c>
      <c r="D2043">
        <v>269.46359999999999</v>
      </c>
    </row>
    <row r="2044" spans="1:4" x14ac:dyDescent="0.25">
      <c r="A2044" s="1">
        <v>41872</v>
      </c>
      <c r="B2044" s="2">
        <v>0.16120370370370371</v>
      </c>
      <c r="C2044">
        <v>134.79839999999999</v>
      </c>
      <c r="D2044">
        <v>269.59679999999997</v>
      </c>
    </row>
    <row r="2045" spans="1:4" x14ac:dyDescent="0.25">
      <c r="A2045" s="1">
        <v>41872</v>
      </c>
      <c r="B2045" s="2">
        <v>0.16224537037037037</v>
      </c>
      <c r="C2045">
        <v>134.86500000000001</v>
      </c>
      <c r="D2045">
        <v>269.73</v>
      </c>
    </row>
    <row r="2046" spans="1:4" x14ac:dyDescent="0.25">
      <c r="A2046" s="1">
        <v>41872</v>
      </c>
      <c r="B2046" s="2">
        <v>0.16339120370370372</v>
      </c>
      <c r="C2046">
        <v>134.93159999999997</v>
      </c>
      <c r="D2046">
        <v>269.86319999999995</v>
      </c>
    </row>
    <row r="2047" spans="1:4" x14ac:dyDescent="0.25">
      <c r="A2047" s="1">
        <v>41872</v>
      </c>
      <c r="B2047" s="2">
        <v>0.16446759259259261</v>
      </c>
      <c r="C2047">
        <v>134.99819999999997</v>
      </c>
      <c r="D2047">
        <v>269.99639999999994</v>
      </c>
    </row>
    <row r="2048" spans="1:4" x14ac:dyDescent="0.25">
      <c r="A2048" s="1">
        <v>41872</v>
      </c>
      <c r="B2048" s="2">
        <v>0.16564814814814813</v>
      </c>
      <c r="C2048">
        <v>135.06479999999999</v>
      </c>
      <c r="D2048">
        <v>270.12959999999998</v>
      </c>
    </row>
    <row r="2049" spans="1:4" x14ac:dyDescent="0.25">
      <c r="A2049" s="1">
        <v>41872</v>
      </c>
      <c r="B2049" s="2">
        <v>0.16677083333333334</v>
      </c>
      <c r="C2049">
        <v>135.13139999999999</v>
      </c>
      <c r="D2049">
        <v>270.26279999999997</v>
      </c>
    </row>
    <row r="2050" spans="1:4" x14ac:dyDescent="0.25">
      <c r="A2050" s="1">
        <v>41872</v>
      </c>
      <c r="B2050" s="2">
        <v>0.16799768518518518</v>
      </c>
      <c r="C2050">
        <v>135.19800000000001</v>
      </c>
      <c r="D2050">
        <v>270.39600000000002</v>
      </c>
    </row>
    <row r="2051" spans="1:4" x14ac:dyDescent="0.25">
      <c r="A2051" s="1">
        <v>41872</v>
      </c>
      <c r="B2051" s="2">
        <v>0.16914351851851853</v>
      </c>
      <c r="C2051">
        <v>135.26459999999997</v>
      </c>
      <c r="D2051">
        <v>270.52919999999995</v>
      </c>
    </row>
    <row r="2052" spans="1:4" x14ac:dyDescent="0.25">
      <c r="A2052" s="1">
        <v>41872</v>
      </c>
      <c r="B2052" s="2">
        <v>0.17040509259259259</v>
      </c>
      <c r="C2052">
        <v>135.3312</v>
      </c>
      <c r="D2052">
        <v>270.66239999999999</v>
      </c>
    </row>
    <row r="2053" spans="1:4" x14ac:dyDescent="0.25">
      <c r="A2053" s="1">
        <v>41872</v>
      </c>
      <c r="B2053" s="2">
        <v>0.17159722222222221</v>
      </c>
      <c r="C2053">
        <v>135.39779999999999</v>
      </c>
      <c r="D2053">
        <v>270.79559999999998</v>
      </c>
    </row>
    <row r="2054" spans="1:4" x14ac:dyDescent="0.25">
      <c r="A2054" s="1">
        <v>41872</v>
      </c>
      <c r="B2054" s="2">
        <v>0.17288194444444446</v>
      </c>
      <c r="C2054">
        <v>135.46439999999998</v>
      </c>
      <c r="D2054">
        <v>270.92879999999997</v>
      </c>
    </row>
    <row r="2055" spans="1:4" x14ac:dyDescent="0.25">
      <c r="A2055" s="1">
        <v>41872</v>
      </c>
      <c r="B2055" s="2">
        <v>0.17407407407407408</v>
      </c>
      <c r="C2055">
        <v>135.53100000000001</v>
      </c>
      <c r="D2055">
        <v>271.06200000000001</v>
      </c>
    </row>
    <row r="2056" spans="1:4" x14ac:dyDescent="0.25">
      <c r="A2056" s="1">
        <v>41872</v>
      </c>
      <c r="B2056" s="2">
        <v>0.17537037037037037</v>
      </c>
      <c r="C2056">
        <v>135.59759999999997</v>
      </c>
      <c r="D2056">
        <v>271.19519999999994</v>
      </c>
    </row>
    <row r="2057" spans="1:4" x14ac:dyDescent="0.25">
      <c r="A2057" s="1">
        <v>41872</v>
      </c>
      <c r="B2057" s="2">
        <v>0.17660879629629631</v>
      </c>
      <c r="C2057">
        <v>135.66419999999999</v>
      </c>
      <c r="D2057">
        <v>271.32839999999999</v>
      </c>
    </row>
    <row r="2058" spans="1:4" x14ac:dyDescent="0.25">
      <c r="A2058" s="1">
        <v>41872</v>
      </c>
      <c r="B2058" s="2">
        <v>0.1779398148148148</v>
      </c>
      <c r="C2058">
        <v>135.73079999999999</v>
      </c>
      <c r="D2058">
        <v>271.46159999999998</v>
      </c>
    </row>
    <row r="2059" spans="1:4" x14ac:dyDescent="0.25">
      <c r="A2059" s="1">
        <v>41872</v>
      </c>
      <c r="B2059" s="2">
        <v>0.1792013888888889</v>
      </c>
      <c r="C2059">
        <v>135.79739999999998</v>
      </c>
      <c r="D2059">
        <v>271.59479999999996</v>
      </c>
    </row>
    <row r="2060" spans="1:4" x14ac:dyDescent="0.25">
      <c r="A2060" s="1">
        <v>41872</v>
      </c>
      <c r="B2060" s="2">
        <v>0.18055555555555555</v>
      </c>
      <c r="C2060">
        <v>135.864</v>
      </c>
      <c r="D2060">
        <v>271.72800000000001</v>
      </c>
    </row>
    <row r="2061" spans="1:4" x14ac:dyDescent="0.25">
      <c r="A2061" s="1">
        <v>41872</v>
      </c>
      <c r="B2061" s="2">
        <v>0.18182870370370371</v>
      </c>
      <c r="C2061">
        <v>135.93059999999997</v>
      </c>
      <c r="D2061">
        <v>271.86119999999994</v>
      </c>
    </row>
    <row r="2062" spans="1:4" x14ac:dyDescent="0.25">
      <c r="A2062" s="1">
        <v>41872</v>
      </c>
      <c r="B2062" s="2">
        <v>0.18325231481481483</v>
      </c>
      <c r="C2062">
        <v>135.99719999999999</v>
      </c>
      <c r="D2062">
        <v>271.99439999999998</v>
      </c>
    </row>
    <row r="2063" spans="1:4" x14ac:dyDescent="0.25">
      <c r="A2063" s="1">
        <v>41872</v>
      </c>
      <c r="B2063" s="2">
        <v>0.18454861111111109</v>
      </c>
      <c r="C2063">
        <v>136.06379999999999</v>
      </c>
      <c r="D2063">
        <v>272.12759999999997</v>
      </c>
    </row>
    <row r="2064" spans="1:4" x14ac:dyDescent="0.25">
      <c r="A2064" s="1">
        <v>41872</v>
      </c>
      <c r="B2064" s="2">
        <v>0.18598379629629627</v>
      </c>
      <c r="C2064">
        <v>136.13039999999998</v>
      </c>
      <c r="D2064">
        <v>272.26079999999996</v>
      </c>
    </row>
    <row r="2065" spans="1:4" x14ac:dyDescent="0.25">
      <c r="A2065" s="1">
        <v>41872</v>
      </c>
      <c r="B2065" s="2">
        <v>0.18731481481481482</v>
      </c>
      <c r="C2065">
        <v>136.197</v>
      </c>
      <c r="D2065">
        <v>272.39400000000001</v>
      </c>
    </row>
    <row r="2066" spans="1:4" x14ac:dyDescent="0.25">
      <c r="A2066" s="1">
        <v>41872</v>
      </c>
      <c r="B2066" s="2">
        <v>0.18877314814814816</v>
      </c>
      <c r="C2066">
        <v>136.26359999999997</v>
      </c>
      <c r="D2066">
        <v>272.52719999999994</v>
      </c>
    </row>
    <row r="2067" spans="1:4" x14ac:dyDescent="0.25">
      <c r="A2067" s="1">
        <v>41872</v>
      </c>
      <c r="B2067" s="2">
        <v>0.19013888888888889</v>
      </c>
      <c r="C2067">
        <v>136.33019999999999</v>
      </c>
      <c r="D2067">
        <v>272.66039999999998</v>
      </c>
    </row>
    <row r="2068" spans="1:4" x14ac:dyDescent="0.25">
      <c r="A2068" s="1">
        <v>41872</v>
      </c>
      <c r="B2068" s="2">
        <v>0.19163194444444445</v>
      </c>
      <c r="C2068">
        <v>136.39679999999998</v>
      </c>
      <c r="D2068">
        <v>272.79359999999997</v>
      </c>
    </row>
    <row r="2069" spans="1:4" x14ac:dyDescent="0.25">
      <c r="A2069" s="1">
        <v>41872</v>
      </c>
      <c r="B2069" s="2">
        <v>0.19302083333333334</v>
      </c>
      <c r="C2069">
        <v>136.46340000000001</v>
      </c>
      <c r="D2069">
        <v>272.92680000000001</v>
      </c>
    </row>
    <row r="2070" spans="1:4" x14ac:dyDescent="0.25">
      <c r="A2070" s="1">
        <v>41872</v>
      </c>
      <c r="B2070" s="2">
        <v>0.19457175925925926</v>
      </c>
      <c r="C2070">
        <v>136.53</v>
      </c>
      <c r="D2070">
        <v>273.06</v>
      </c>
    </row>
    <row r="2071" spans="1:4" x14ac:dyDescent="0.25">
      <c r="A2071" s="1">
        <v>41872</v>
      </c>
      <c r="B2071" s="2">
        <v>0.19600694444444444</v>
      </c>
      <c r="C2071">
        <v>136.59659999999997</v>
      </c>
      <c r="D2071">
        <v>273.19319999999993</v>
      </c>
    </row>
    <row r="2072" spans="1:4" x14ac:dyDescent="0.25">
      <c r="A2072" s="1">
        <v>41872</v>
      </c>
      <c r="B2072" s="2">
        <v>0.19760416666666666</v>
      </c>
      <c r="C2072">
        <v>136.66319999999999</v>
      </c>
      <c r="D2072">
        <v>273.32639999999998</v>
      </c>
    </row>
    <row r="2073" spans="1:4" x14ac:dyDescent="0.25">
      <c r="A2073" s="1">
        <v>41872</v>
      </c>
      <c r="B2073" s="2">
        <v>0.19907407407407407</v>
      </c>
      <c r="C2073">
        <v>136.72979999999998</v>
      </c>
      <c r="D2073">
        <v>273.45959999999997</v>
      </c>
    </row>
    <row r="2074" spans="1:4" x14ac:dyDescent="0.25">
      <c r="A2074" s="1">
        <v>41872</v>
      </c>
      <c r="B2074" s="2">
        <v>0.20070601851851852</v>
      </c>
      <c r="C2074">
        <v>136.79640000000001</v>
      </c>
      <c r="D2074">
        <v>273.59280000000001</v>
      </c>
    </row>
    <row r="2075" spans="1:4" x14ac:dyDescent="0.25">
      <c r="A2075" s="1">
        <v>41872</v>
      </c>
      <c r="B2075" s="2">
        <v>0.20222222222222222</v>
      </c>
      <c r="C2075">
        <v>136.863</v>
      </c>
      <c r="D2075">
        <v>273.726</v>
      </c>
    </row>
    <row r="2076" spans="1:4" x14ac:dyDescent="0.25">
      <c r="A2076" s="1">
        <v>41872</v>
      </c>
      <c r="B2076" s="2">
        <v>0.20393518518518516</v>
      </c>
      <c r="C2076">
        <v>136.92959999999997</v>
      </c>
      <c r="D2076">
        <v>273.85919999999993</v>
      </c>
    </row>
    <row r="2077" spans="1:4" x14ac:dyDescent="0.25">
      <c r="A2077" s="1">
        <v>41872</v>
      </c>
      <c r="B2077" s="2">
        <v>0.20552083333333335</v>
      </c>
      <c r="C2077">
        <v>136.99619999999999</v>
      </c>
      <c r="D2077">
        <v>273.99239999999998</v>
      </c>
    </row>
    <row r="2078" spans="1:4" x14ac:dyDescent="0.25">
      <c r="A2078" s="1">
        <v>41872</v>
      </c>
      <c r="B2078" s="2">
        <v>0.20728009259259261</v>
      </c>
      <c r="C2078">
        <v>137.06279999999998</v>
      </c>
      <c r="D2078">
        <v>274.12559999999996</v>
      </c>
    </row>
    <row r="2079" spans="1:4" x14ac:dyDescent="0.25">
      <c r="A2079" s="1">
        <v>41872</v>
      </c>
      <c r="B2079" s="2">
        <v>0.20893518518518517</v>
      </c>
      <c r="C2079">
        <v>137.1294</v>
      </c>
      <c r="D2079">
        <v>274.25880000000001</v>
      </c>
    </row>
    <row r="2080" spans="1:4" x14ac:dyDescent="0.25">
      <c r="A2080" s="1">
        <v>41872</v>
      </c>
      <c r="B2080" s="2">
        <v>0.21077546296296298</v>
      </c>
      <c r="C2080">
        <v>137.196</v>
      </c>
      <c r="D2080">
        <v>274.392</v>
      </c>
    </row>
    <row r="2081" spans="1:4" x14ac:dyDescent="0.25">
      <c r="A2081" s="1">
        <v>41872</v>
      </c>
      <c r="B2081" s="2">
        <v>0.21251157407407406</v>
      </c>
      <c r="C2081">
        <v>137.26259999999996</v>
      </c>
      <c r="D2081">
        <v>274.52519999999993</v>
      </c>
    </row>
    <row r="2082" spans="1:4" x14ac:dyDescent="0.25">
      <c r="A2082" s="1">
        <v>41872</v>
      </c>
      <c r="B2082" s="2">
        <v>0.2144560185185185</v>
      </c>
      <c r="C2082">
        <v>137.32919999999999</v>
      </c>
      <c r="D2082">
        <v>274.65839999999997</v>
      </c>
    </row>
    <row r="2083" spans="1:4" x14ac:dyDescent="0.25">
      <c r="A2083" s="1">
        <v>41872</v>
      </c>
      <c r="B2083" s="2">
        <v>0.21627314814814813</v>
      </c>
      <c r="C2083">
        <v>137.39579999999998</v>
      </c>
      <c r="D2083">
        <v>274.79159999999996</v>
      </c>
    </row>
    <row r="2084" spans="1:4" x14ac:dyDescent="0.25">
      <c r="A2084" s="1">
        <v>41872</v>
      </c>
      <c r="B2084" s="2">
        <v>0.21836805555555558</v>
      </c>
      <c r="C2084">
        <v>137.4624</v>
      </c>
      <c r="D2084">
        <v>274.9248</v>
      </c>
    </row>
    <row r="2085" spans="1:4" x14ac:dyDescent="0.25">
      <c r="A2085" s="1">
        <v>41872</v>
      </c>
      <c r="B2085" s="2">
        <v>0.22033564814814813</v>
      </c>
      <c r="C2085">
        <v>137.529</v>
      </c>
      <c r="D2085">
        <v>275.05799999999999</v>
      </c>
    </row>
    <row r="2086" spans="1:4" x14ac:dyDescent="0.25">
      <c r="A2086" s="1">
        <v>41872</v>
      </c>
      <c r="B2086" s="2">
        <v>0.22253472222222223</v>
      </c>
      <c r="C2086">
        <v>137.59559999999999</v>
      </c>
      <c r="D2086">
        <v>275.19119999999998</v>
      </c>
    </row>
    <row r="2087" spans="1:4" x14ac:dyDescent="0.25">
      <c r="A2087" s="1">
        <v>41872</v>
      </c>
      <c r="B2087" s="2">
        <v>0.22460648148148146</v>
      </c>
      <c r="C2087">
        <v>137.66219999999998</v>
      </c>
      <c r="D2087">
        <v>275.32439999999997</v>
      </c>
    </row>
    <row r="2088" spans="1:4" x14ac:dyDescent="0.25">
      <c r="A2088" s="1">
        <v>41872</v>
      </c>
      <c r="B2088" s="2">
        <v>0.22692129629629629</v>
      </c>
      <c r="C2088">
        <v>137.72879999999998</v>
      </c>
      <c r="D2088">
        <v>275.45759999999996</v>
      </c>
    </row>
    <row r="2089" spans="1:4" x14ac:dyDescent="0.25">
      <c r="A2089" s="1">
        <v>41872</v>
      </c>
      <c r="B2089" s="2">
        <v>0.2291087962962963</v>
      </c>
      <c r="C2089">
        <v>137.7954</v>
      </c>
      <c r="D2089">
        <v>275.5908</v>
      </c>
    </row>
    <row r="2090" spans="1:4" x14ac:dyDescent="0.25">
      <c r="A2090" s="1">
        <v>41872</v>
      </c>
      <c r="B2090" s="2">
        <v>0.2315625</v>
      </c>
      <c r="C2090">
        <v>137.86199999999999</v>
      </c>
      <c r="D2090">
        <v>275.72399999999999</v>
      </c>
    </row>
    <row r="2091" spans="1:4" x14ac:dyDescent="0.25">
      <c r="A2091" s="1">
        <v>41872</v>
      </c>
      <c r="B2091" s="2">
        <v>0.23391203703703703</v>
      </c>
      <c r="C2091">
        <v>137.92859999999999</v>
      </c>
      <c r="D2091">
        <v>275.85719999999998</v>
      </c>
    </row>
    <row r="2092" spans="1:4" x14ac:dyDescent="0.25">
      <c r="A2092" s="1">
        <v>41872</v>
      </c>
      <c r="B2092" s="2">
        <v>0.23655092592592594</v>
      </c>
      <c r="C2092">
        <v>137.99519999999998</v>
      </c>
      <c r="D2092">
        <v>275.99039999999997</v>
      </c>
    </row>
    <row r="2093" spans="1:4" x14ac:dyDescent="0.25">
      <c r="A2093" s="1">
        <v>41872</v>
      </c>
      <c r="B2093" s="2">
        <v>0.23906249999999998</v>
      </c>
      <c r="C2093">
        <v>138.06179999999998</v>
      </c>
      <c r="D2093">
        <v>276.12359999999995</v>
      </c>
    </row>
    <row r="2094" spans="1:4" x14ac:dyDescent="0.25">
      <c r="A2094" s="1">
        <v>41872</v>
      </c>
      <c r="B2094" s="2">
        <v>0.24188657407407407</v>
      </c>
      <c r="C2094">
        <v>138.1284</v>
      </c>
      <c r="D2094">
        <v>276.2568</v>
      </c>
    </row>
    <row r="2095" spans="1:4" x14ac:dyDescent="0.25">
      <c r="A2095" s="1">
        <v>41872</v>
      </c>
      <c r="B2095" s="2">
        <v>0.24454861111111112</v>
      </c>
      <c r="C2095">
        <v>138.19499999999999</v>
      </c>
      <c r="D2095">
        <v>276.39</v>
      </c>
    </row>
    <row r="2096" spans="1:4" x14ac:dyDescent="0.25">
      <c r="A2096" s="1">
        <v>41872</v>
      </c>
      <c r="B2096" s="2">
        <v>0.24755787037037036</v>
      </c>
      <c r="C2096">
        <v>138.26159999999999</v>
      </c>
      <c r="D2096">
        <v>276.52319999999997</v>
      </c>
    </row>
    <row r="2097" spans="1:4" x14ac:dyDescent="0.25">
      <c r="A2097" s="1">
        <v>41872</v>
      </c>
      <c r="B2097" s="2">
        <v>0.25046296296296294</v>
      </c>
      <c r="C2097">
        <v>138.32819999999998</v>
      </c>
      <c r="D2097">
        <v>276.65639999999996</v>
      </c>
    </row>
    <row r="2098" spans="1:4" x14ac:dyDescent="0.25">
      <c r="A2098" s="1">
        <v>41872</v>
      </c>
      <c r="B2098" s="2">
        <v>0.25377314814814816</v>
      </c>
      <c r="C2098">
        <v>138.39479999999998</v>
      </c>
      <c r="D2098">
        <v>276.78959999999995</v>
      </c>
    </row>
    <row r="2099" spans="1:4" x14ac:dyDescent="0.25">
      <c r="A2099" s="1">
        <v>41872</v>
      </c>
      <c r="B2099" s="2">
        <v>0.25690972222222225</v>
      </c>
      <c r="C2099">
        <v>138.4614</v>
      </c>
      <c r="D2099">
        <v>276.9228</v>
      </c>
    </row>
    <row r="2100" spans="1:4" x14ac:dyDescent="0.25">
      <c r="A2100" s="1">
        <v>41872</v>
      </c>
      <c r="B2100" s="2">
        <v>0.26042824074074072</v>
      </c>
      <c r="C2100">
        <v>138.52799999999999</v>
      </c>
      <c r="D2100">
        <v>277.05599999999998</v>
      </c>
    </row>
    <row r="2101" spans="1:4" x14ac:dyDescent="0.25">
      <c r="A2101" s="1">
        <v>41872</v>
      </c>
      <c r="B2101" s="2">
        <v>0.26383101851851853</v>
      </c>
      <c r="C2101">
        <v>138.59459999999999</v>
      </c>
      <c r="D2101">
        <v>277.18919999999997</v>
      </c>
    </row>
    <row r="2102" spans="1:4" x14ac:dyDescent="0.25">
      <c r="A2102" s="1">
        <v>41872</v>
      </c>
      <c r="B2102" s="2">
        <v>0.2676736111111111</v>
      </c>
      <c r="C2102">
        <v>138.66119999999998</v>
      </c>
      <c r="D2102">
        <v>277.32239999999996</v>
      </c>
    </row>
    <row r="2103" spans="1:4" x14ac:dyDescent="0.25">
      <c r="A2103" s="1">
        <v>41872</v>
      </c>
      <c r="B2103" s="2">
        <v>0.2713888888888889</v>
      </c>
      <c r="C2103">
        <v>138.7278</v>
      </c>
      <c r="D2103">
        <v>277.4556</v>
      </c>
    </row>
    <row r="2104" spans="1:4" x14ac:dyDescent="0.25">
      <c r="A2104" s="1">
        <v>41872</v>
      </c>
      <c r="B2104" s="2">
        <v>0.27555555555555555</v>
      </c>
      <c r="C2104">
        <v>138.7944</v>
      </c>
      <c r="D2104">
        <v>277.58879999999999</v>
      </c>
    </row>
    <row r="2105" spans="1:4" x14ac:dyDescent="0.25">
      <c r="A2105" s="1">
        <v>41872</v>
      </c>
      <c r="B2105" s="2">
        <v>0.2795138888888889</v>
      </c>
      <c r="C2105">
        <v>138.86099999999999</v>
      </c>
      <c r="D2105">
        <v>277.72199999999998</v>
      </c>
    </row>
    <row r="2106" spans="1:4" x14ac:dyDescent="0.25">
      <c r="A2106" s="1">
        <v>41872</v>
      </c>
      <c r="B2106" s="2">
        <v>0.2839930555555556</v>
      </c>
      <c r="C2106">
        <v>138.92759999999998</v>
      </c>
      <c r="D2106">
        <v>277.85519999999997</v>
      </c>
    </row>
    <row r="2107" spans="1:4" x14ac:dyDescent="0.25">
      <c r="A2107" s="1">
        <v>41872</v>
      </c>
      <c r="B2107" s="2">
        <v>0.28836805555555556</v>
      </c>
      <c r="C2107">
        <v>138.99419999999998</v>
      </c>
      <c r="D2107">
        <v>277.98839999999996</v>
      </c>
    </row>
    <row r="2108" spans="1:4" x14ac:dyDescent="0.25">
      <c r="A2108" s="1">
        <v>41872</v>
      </c>
      <c r="B2108" s="2">
        <v>0.29320601851851852</v>
      </c>
      <c r="C2108">
        <v>139.0608</v>
      </c>
      <c r="D2108">
        <v>278.1216</v>
      </c>
    </row>
    <row r="2109" spans="1:4" x14ac:dyDescent="0.25">
      <c r="A2109" s="1">
        <v>41872</v>
      </c>
      <c r="B2109" s="2">
        <v>0.29796296296296293</v>
      </c>
      <c r="C2109">
        <v>139.12739999999999</v>
      </c>
      <c r="D2109">
        <v>278.25479999999999</v>
      </c>
    </row>
    <row r="2110" spans="1:4" x14ac:dyDescent="0.25">
      <c r="A2110" s="1">
        <v>41872</v>
      </c>
      <c r="B2110" s="2">
        <v>0.30320601851851853</v>
      </c>
      <c r="C2110">
        <v>139.19399999999999</v>
      </c>
      <c r="D2110">
        <v>278.38799999999998</v>
      </c>
    </row>
    <row r="2111" spans="1:4" x14ac:dyDescent="0.25">
      <c r="A2111" s="1">
        <v>41872</v>
      </c>
      <c r="B2111" s="2">
        <v>0.30833333333333335</v>
      </c>
      <c r="C2111">
        <v>139.26059999999998</v>
      </c>
      <c r="D2111">
        <v>278.52119999999996</v>
      </c>
    </row>
    <row r="2112" spans="1:4" x14ac:dyDescent="0.25">
      <c r="A2112" s="1">
        <v>41872</v>
      </c>
      <c r="B2112" s="2">
        <v>0.31402777777777779</v>
      </c>
      <c r="C2112">
        <v>139.32719999999998</v>
      </c>
      <c r="D2112">
        <v>278.65439999999995</v>
      </c>
    </row>
    <row r="2113" spans="1:4" x14ac:dyDescent="0.25">
      <c r="A2113" s="1">
        <v>41872</v>
      </c>
      <c r="B2113" s="2">
        <v>0.31966435185185188</v>
      </c>
      <c r="C2113">
        <v>139.3938</v>
      </c>
      <c r="D2113">
        <v>278.7876</v>
      </c>
    </row>
    <row r="2114" spans="1:4" x14ac:dyDescent="0.25">
      <c r="A2114" s="1">
        <v>41872</v>
      </c>
      <c r="B2114" s="2">
        <v>0.32597222222222222</v>
      </c>
      <c r="C2114">
        <v>139.46039999999999</v>
      </c>
      <c r="D2114">
        <v>278.92079999999999</v>
      </c>
    </row>
    <row r="2115" spans="1:4" x14ac:dyDescent="0.25">
      <c r="A2115" s="1">
        <v>41872</v>
      </c>
      <c r="B2115" s="2">
        <v>0.33207175925925925</v>
      </c>
      <c r="C2115">
        <v>139.52699999999999</v>
      </c>
      <c r="D2115">
        <v>279.05399999999997</v>
      </c>
    </row>
    <row r="2116" spans="1:4" x14ac:dyDescent="0.25">
      <c r="A2116" s="1">
        <v>41872</v>
      </c>
      <c r="B2116" s="2">
        <v>0.33886574074074072</v>
      </c>
      <c r="C2116">
        <v>139.59359999999998</v>
      </c>
      <c r="D2116">
        <v>279.18719999999996</v>
      </c>
    </row>
    <row r="2117" spans="1:4" x14ac:dyDescent="0.25">
      <c r="A2117" s="1">
        <v>41872</v>
      </c>
      <c r="B2117" s="2">
        <v>0.34541666666666665</v>
      </c>
      <c r="C2117">
        <v>139.66019999999997</v>
      </c>
      <c r="D2117">
        <v>279.32039999999995</v>
      </c>
    </row>
    <row r="2118" spans="1:4" x14ac:dyDescent="0.25">
      <c r="A2118" s="1">
        <v>41872</v>
      </c>
      <c r="B2118" s="2">
        <v>0.35271990740740744</v>
      </c>
      <c r="C2118">
        <v>139.7268</v>
      </c>
      <c r="D2118">
        <v>279.45359999999999</v>
      </c>
    </row>
    <row r="2119" spans="1:4" x14ac:dyDescent="0.25">
      <c r="A2119" s="1">
        <v>41872</v>
      </c>
      <c r="B2119" s="2">
        <v>0.35987268518518517</v>
      </c>
      <c r="C2119">
        <v>139.79339999999999</v>
      </c>
      <c r="D2119">
        <v>279.58679999999998</v>
      </c>
    </row>
    <row r="2120" spans="1:4" x14ac:dyDescent="0.25">
      <c r="A2120" s="1">
        <v>41872</v>
      </c>
      <c r="B2120" s="2">
        <v>0.36780092592592589</v>
      </c>
      <c r="C2120">
        <v>139.86000000000001</v>
      </c>
      <c r="D2120">
        <v>279.72000000000003</v>
      </c>
    </row>
    <row r="2121" spans="1:4" x14ac:dyDescent="0.25">
      <c r="A2121" s="1">
        <v>41872</v>
      </c>
      <c r="B2121" s="2">
        <v>0.37554398148148144</v>
      </c>
      <c r="C2121">
        <v>139.92659999999998</v>
      </c>
      <c r="D2121">
        <v>279.85319999999996</v>
      </c>
    </row>
    <row r="2122" spans="1:4" x14ac:dyDescent="0.25">
      <c r="A2122" s="1">
        <v>41872</v>
      </c>
      <c r="B2122" s="2">
        <v>0.38409722222222226</v>
      </c>
      <c r="C2122">
        <v>139.99319999999997</v>
      </c>
      <c r="D2122">
        <v>279.98639999999995</v>
      </c>
    </row>
    <row r="2123" spans="1:4" x14ac:dyDescent="0.25">
      <c r="A2123" s="1">
        <v>41872</v>
      </c>
      <c r="B2123" s="2">
        <v>0.39240740740740737</v>
      </c>
      <c r="C2123">
        <v>140.0598</v>
      </c>
      <c r="D2123">
        <v>280.11959999999999</v>
      </c>
    </row>
    <row r="2124" spans="1:4" x14ac:dyDescent="0.25">
      <c r="A2124" s="1">
        <v>41872</v>
      </c>
      <c r="B2124" s="2">
        <v>0.40171296296296299</v>
      </c>
      <c r="C2124">
        <v>140.12639999999999</v>
      </c>
      <c r="D2124">
        <v>280.25279999999998</v>
      </c>
    </row>
    <row r="2125" spans="1:4" x14ac:dyDescent="0.25">
      <c r="A2125" s="1">
        <v>41872</v>
      </c>
      <c r="B2125" s="2">
        <v>0.41070601851851851</v>
      </c>
      <c r="C2125">
        <v>140.19300000000001</v>
      </c>
      <c r="D2125">
        <v>280.38600000000002</v>
      </c>
    </row>
    <row r="2126" spans="1:4" x14ac:dyDescent="0.25">
      <c r="A2126" s="1">
        <v>41872</v>
      </c>
      <c r="B2126" s="2">
        <v>0.42062500000000003</v>
      </c>
      <c r="C2126">
        <v>140.25959999999998</v>
      </c>
      <c r="D2126">
        <v>280.51919999999996</v>
      </c>
    </row>
    <row r="2127" spans="1:4" x14ac:dyDescent="0.25">
      <c r="A2127" s="1">
        <v>41872</v>
      </c>
      <c r="B2127" s="2">
        <v>0.43039351851851854</v>
      </c>
      <c r="C2127">
        <v>140.32619999999997</v>
      </c>
      <c r="D2127">
        <v>280.65239999999994</v>
      </c>
    </row>
    <row r="2128" spans="1:4" x14ac:dyDescent="0.25">
      <c r="A2128" s="1">
        <v>41872</v>
      </c>
      <c r="B2128" s="2">
        <v>0.44130787037037034</v>
      </c>
      <c r="C2128">
        <v>140.39279999999999</v>
      </c>
      <c r="D2128">
        <v>280.78559999999999</v>
      </c>
    </row>
    <row r="2129" spans="1:4" x14ac:dyDescent="0.25">
      <c r="A2129" s="1">
        <v>41872</v>
      </c>
      <c r="B2129" s="2">
        <v>0.45189814814814816</v>
      </c>
      <c r="C2129">
        <v>140.45939999999999</v>
      </c>
      <c r="D2129">
        <v>280.91879999999998</v>
      </c>
    </row>
    <row r="2130" spans="1:4" x14ac:dyDescent="0.25">
      <c r="A2130" s="1">
        <v>41872</v>
      </c>
      <c r="B2130" s="2">
        <v>0.46363425925925927</v>
      </c>
      <c r="C2130">
        <v>140.52600000000001</v>
      </c>
      <c r="D2130">
        <v>281.05200000000002</v>
      </c>
    </row>
    <row r="2131" spans="1:4" x14ac:dyDescent="0.25">
      <c r="A2131" s="1">
        <v>41872</v>
      </c>
      <c r="B2131" s="2">
        <v>0.47509259259259262</v>
      </c>
      <c r="C2131">
        <v>140.59259999999998</v>
      </c>
      <c r="D2131">
        <v>281.18519999999995</v>
      </c>
    </row>
    <row r="2132" spans="1:4" x14ac:dyDescent="0.25">
      <c r="A2132" s="1">
        <v>41872</v>
      </c>
      <c r="B2132" s="2">
        <v>0.48777777777777781</v>
      </c>
      <c r="C2132">
        <v>140.65919999999997</v>
      </c>
      <c r="D2132">
        <v>281.31839999999994</v>
      </c>
    </row>
    <row r="2133" spans="1:4" x14ac:dyDescent="0.25">
      <c r="A2133" s="1">
        <v>41872</v>
      </c>
      <c r="B2133" s="2">
        <v>0.50012731481481476</v>
      </c>
      <c r="C2133">
        <v>140.72579999999999</v>
      </c>
      <c r="D2133">
        <v>281.45159999999998</v>
      </c>
    </row>
    <row r="2134" spans="1:4" x14ac:dyDescent="0.25">
      <c r="A2134" s="1">
        <v>41872</v>
      </c>
      <c r="B2134" s="2">
        <v>0.51372685185185185</v>
      </c>
      <c r="C2134">
        <v>140.79239999999999</v>
      </c>
      <c r="D2134">
        <v>281.58479999999997</v>
      </c>
    </row>
    <row r="2135" spans="1:4" x14ac:dyDescent="0.25">
      <c r="A2135" s="1">
        <v>41872</v>
      </c>
      <c r="B2135" s="2">
        <v>0.52689814814814817</v>
      </c>
      <c r="C2135">
        <v>140.85900000000001</v>
      </c>
      <c r="D2135">
        <v>281.71800000000002</v>
      </c>
    </row>
    <row r="2136" spans="1:4" x14ac:dyDescent="0.25">
      <c r="A2136" s="1">
        <v>41872</v>
      </c>
      <c r="B2136" s="2">
        <v>0.54143518518518519</v>
      </c>
      <c r="C2136">
        <v>140.92559999999997</v>
      </c>
      <c r="D2136">
        <v>281.85119999999995</v>
      </c>
    </row>
    <row r="2137" spans="1:4" x14ac:dyDescent="0.25">
      <c r="A2137" s="1">
        <v>41872</v>
      </c>
      <c r="B2137" s="2">
        <v>0.55532407407407403</v>
      </c>
      <c r="C2137">
        <v>140.99219999999997</v>
      </c>
      <c r="D2137">
        <v>281.98439999999994</v>
      </c>
    </row>
    <row r="2138" spans="1:4" x14ac:dyDescent="0.25">
      <c r="A2138" s="1">
        <v>41872</v>
      </c>
      <c r="B2138" s="2">
        <v>0.57115740740740739</v>
      </c>
      <c r="C2138">
        <v>141.05879999999999</v>
      </c>
      <c r="D2138">
        <v>282.11759999999998</v>
      </c>
    </row>
    <row r="2139" spans="1:4" x14ac:dyDescent="0.25">
      <c r="A2139" s="1">
        <v>41872</v>
      </c>
      <c r="B2139" s="2">
        <v>0.58637731481481481</v>
      </c>
      <c r="C2139">
        <v>141.12539999999998</v>
      </c>
      <c r="D2139">
        <v>282.25079999999997</v>
      </c>
    </row>
    <row r="2140" spans="1:4" x14ac:dyDescent="0.25">
      <c r="A2140" s="1">
        <v>41872</v>
      </c>
      <c r="B2140" s="2">
        <v>0.60348379629629634</v>
      </c>
      <c r="C2140">
        <v>141.19200000000001</v>
      </c>
      <c r="D2140">
        <v>282.38400000000001</v>
      </c>
    </row>
    <row r="2141" spans="1:4" x14ac:dyDescent="0.25">
      <c r="A2141" s="1">
        <v>41872</v>
      </c>
      <c r="B2141" s="2">
        <v>0.62009259259259253</v>
      </c>
      <c r="C2141">
        <v>141.25859999999997</v>
      </c>
      <c r="D2141">
        <v>282.51719999999995</v>
      </c>
    </row>
    <row r="2142" spans="1:4" x14ac:dyDescent="0.25">
      <c r="A2142" s="1">
        <v>41872</v>
      </c>
      <c r="B2142" s="2">
        <v>0.63827546296296289</v>
      </c>
      <c r="C2142">
        <v>141.3252</v>
      </c>
      <c r="D2142">
        <v>282.65039999999999</v>
      </c>
    </row>
    <row r="2143" spans="1:4" x14ac:dyDescent="0.25">
      <c r="A2143" s="1">
        <v>41872</v>
      </c>
      <c r="B2143" s="2">
        <v>0.65621527777777777</v>
      </c>
      <c r="C2143">
        <v>141.39179999999999</v>
      </c>
      <c r="D2143">
        <v>282.78359999999998</v>
      </c>
    </row>
    <row r="2144" spans="1:4" x14ac:dyDescent="0.25">
      <c r="A2144" s="1">
        <v>41872</v>
      </c>
      <c r="B2144" s="2">
        <v>0.67565972222222215</v>
      </c>
      <c r="C2144">
        <v>141.45839999999998</v>
      </c>
      <c r="D2144">
        <v>282.91679999999997</v>
      </c>
    </row>
    <row r="2145" spans="1:4" x14ac:dyDescent="0.25">
      <c r="A2145" s="1">
        <v>41872</v>
      </c>
      <c r="B2145" s="2">
        <v>0.69497685185185187</v>
      </c>
      <c r="C2145">
        <v>141.52500000000001</v>
      </c>
      <c r="D2145">
        <v>283.05</v>
      </c>
    </row>
    <row r="2146" spans="1:4" x14ac:dyDescent="0.25">
      <c r="A2146" s="1">
        <v>41872</v>
      </c>
      <c r="B2146" s="2">
        <v>0.71640046296296289</v>
      </c>
      <c r="C2146">
        <v>141.59159999999997</v>
      </c>
      <c r="D2146">
        <v>283.18319999999994</v>
      </c>
    </row>
    <row r="2147" spans="1:4" x14ac:dyDescent="0.25">
      <c r="A2147" s="1">
        <v>41872</v>
      </c>
      <c r="B2147" s="2">
        <v>0.73748842592592589</v>
      </c>
      <c r="C2147">
        <v>141.65819999999999</v>
      </c>
      <c r="D2147">
        <v>283.31639999999999</v>
      </c>
    </row>
    <row r="2148" spans="1:4" x14ac:dyDescent="0.25">
      <c r="A2148" s="1">
        <v>41872</v>
      </c>
      <c r="B2148" s="2">
        <v>0.76089120370370367</v>
      </c>
      <c r="C2148">
        <v>141.72479999999999</v>
      </c>
      <c r="D2148">
        <v>283.44959999999998</v>
      </c>
    </row>
    <row r="2149" spans="1:4" x14ac:dyDescent="0.25">
      <c r="A2149" s="1">
        <v>41872</v>
      </c>
      <c r="B2149" s="2">
        <v>0.78369212962962964</v>
      </c>
      <c r="C2149">
        <v>141.79139999999998</v>
      </c>
      <c r="D2149">
        <v>283.58279999999996</v>
      </c>
    </row>
    <row r="2150" spans="1:4" x14ac:dyDescent="0.25">
      <c r="A2150" s="1">
        <v>41872</v>
      </c>
      <c r="B2150" s="2">
        <v>0.8093055555555555</v>
      </c>
      <c r="C2150">
        <v>141.858</v>
      </c>
      <c r="D2150">
        <v>283.71600000000001</v>
      </c>
    </row>
    <row r="2151" spans="1:4" x14ac:dyDescent="0.25">
      <c r="A2151" s="1">
        <v>41872</v>
      </c>
      <c r="B2151" s="2">
        <v>0.83414351851851853</v>
      </c>
      <c r="C2151">
        <v>141.92459999999997</v>
      </c>
      <c r="D2151">
        <v>283.84919999999994</v>
      </c>
    </row>
    <row r="2152" spans="1:4" x14ac:dyDescent="0.25">
      <c r="A2152" s="1">
        <v>41872</v>
      </c>
      <c r="B2152" s="2">
        <v>0.86195601851851855</v>
      </c>
      <c r="C2152">
        <v>141.99119999999999</v>
      </c>
      <c r="D2152">
        <v>283.98239999999998</v>
      </c>
    </row>
    <row r="2153" spans="1:4" x14ac:dyDescent="0.25">
      <c r="A2153" s="1">
        <v>41872</v>
      </c>
      <c r="B2153" s="2">
        <v>0.8892592592592593</v>
      </c>
      <c r="C2153">
        <v>142.05779999999999</v>
      </c>
      <c r="D2153">
        <v>284.11559999999997</v>
      </c>
    </row>
    <row r="2154" spans="1:4" x14ac:dyDescent="0.25">
      <c r="A2154" s="1">
        <v>41872</v>
      </c>
      <c r="B2154" s="2">
        <v>0.91983796296296294</v>
      </c>
      <c r="C2154">
        <v>142.12439999999998</v>
      </c>
      <c r="D2154">
        <v>284.24879999999996</v>
      </c>
    </row>
    <row r="2155" spans="1:4" x14ac:dyDescent="0.25">
      <c r="A2155" s="1">
        <v>41872</v>
      </c>
      <c r="B2155" s="2">
        <v>0.95056712962962964</v>
      </c>
      <c r="C2155">
        <v>142.191</v>
      </c>
      <c r="D2155">
        <v>284.38200000000001</v>
      </c>
    </row>
    <row r="2156" spans="1:4" x14ac:dyDescent="0.25">
      <c r="A2156" s="1">
        <v>41872</v>
      </c>
      <c r="B2156" s="2">
        <v>0.98450231481481476</v>
      </c>
      <c r="C2156">
        <v>142.25759999999997</v>
      </c>
      <c r="D2156">
        <v>284.51519999999994</v>
      </c>
    </row>
    <row r="2157" spans="1:4" x14ac:dyDescent="0.25">
      <c r="A2157" s="1">
        <v>41873</v>
      </c>
      <c r="B2157" s="2">
        <v>1.7928240740740741E-2</v>
      </c>
      <c r="C2157">
        <v>142.32419999999999</v>
      </c>
      <c r="D2157">
        <v>284.64839999999998</v>
      </c>
    </row>
    <row r="2158" spans="1:4" x14ac:dyDescent="0.25">
      <c r="A2158" s="1">
        <v>41873</v>
      </c>
      <c r="B2158" s="2">
        <v>5.5219907407407405E-2</v>
      </c>
      <c r="C2158">
        <v>142.39079999999998</v>
      </c>
      <c r="D2158">
        <v>284.78159999999997</v>
      </c>
    </row>
    <row r="2159" spans="1:4" x14ac:dyDescent="0.25">
      <c r="A2159" s="1">
        <v>41873</v>
      </c>
      <c r="B2159" s="2">
        <v>9.1331018518518506E-2</v>
      </c>
      <c r="C2159">
        <v>142.45740000000001</v>
      </c>
      <c r="D2159">
        <v>284.91480000000001</v>
      </c>
    </row>
    <row r="2160" spans="1:4" x14ac:dyDescent="0.25">
      <c r="A2160" s="1">
        <v>41873</v>
      </c>
      <c r="B2160" s="2">
        <v>0.13142361111111112</v>
      </c>
      <c r="C2160">
        <v>142.524</v>
      </c>
      <c r="D2160">
        <v>285.048</v>
      </c>
    </row>
    <row r="2161" spans="1:4" x14ac:dyDescent="0.25">
      <c r="A2161" s="1">
        <v>41873</v>
      </c>
      <c r="B2161" s="2">
        <v>0.17081018518518518</v>
      </c>
      <c r="C2161">
        <v>142.59059999999997</v>
      </c>
      <c r="D2161">
        <v>285.18119999999993</v>
      </c>
    </row>
    <row r="2162" spans="1:4" x14ac:dyDescent="0.25">
      <c r="A2162" s="1">
        <v>41873</v>
      </c>
      <c r="B2162" s="2">
        <v>0.21533564814814812</v>
      </c>
      <c r="C2162">
        <v>142.65719999999999</v>
      </c>
      <c r="D2162">
        <v>285.31439999999998</v>
      </c>
    </row>
    <row r="2163" spans="1:4" x14ac:dyDescent="0.25">
      <c r="A2163" s="1">
        <v>41873</v>
      </c>
      <c r="B2163" s="2">
        <v>0.25885416666666666</v>
      </c>
      <c r="C2163">
        <v>142.72379999999998</v>
      </c>
      <c r="D2163">
        <v>285.44759999999997</v>
      </c>
    </row>
    <row r="2164" spans="1:4" x14ac:dyDescent="0.25">
      <c r="A2164" s="1">
        <v>41873</v>
      </c>
      <c r="B2164" s="2">
        <v>0.30814814814814812</v>
      </c>
      <c r="C2164">
        <v>142.79040000000001</v>
      </c>
      <c r="D2164">
        <v>285.58080000000001</v>
      </c>
    </row>
    <row r="2165" spans="1:4" x14ac:dyDescent="0.25">
      <c r="A2165" s="1">
        <v>41873</v>
      </c>
      <c r="B2165" s="2">
        <v>0.35582175925925924</v>
      </c>
      <c r="C2165">
        <v>142.857</v>
      </c>
      <c r="D2165">
        <v>285.714</v>
      </c>
    </row>
    <row r="2166" spans="1:4" x14ac:dyDescent="0.25">
      <c r="A2166" s="1">
        <v>41873</v>
      </c>
      <c r="B2166" s="2">
        <v>0.41030092592592587</v>
      </c>
      <c r="C2166">
        <v>142.92359999999996</v>
      </c>
      <c r="D2166">
        <v>285.84719999999993</v>
      </c>
    </row>
    <row r="2167" spans="1:4" x14ac:dyDescent="0.25">
      <c r="A2167" s="1">
        <v>41873</v>
      </c>
      <c r="B2167" s="2">
        <v>0.46337962962962959</v>
      </c>
      <c r="C2167">
        <v>142.99019999999999</v>
      </c>
      <c r="D2167">
        <v>285.98039999999997</v>
      </c>
    </row>
    <row r="2168" spans="1:4" x14ac:dyDescent="0.25">
      <c r="A2168" s="1">
        <v>41873</v>
      </c>
      <c r="B2168" s="2">
        <v>0.5232175925925926</v>
      </c>
      <c r="C2168">
        <v>143.05679999999998</v>
      </c>
      <c r="D2168">
        <v>286.11359999999996</v>
      </c>
    </row>
    <row r="2169" spans="1:4" x14ac:dyDescent="0.25">
      <c r="A2169" s="1">
        <v>41873</v>
      </c>
      <c r="B2169" s="2">
        <v>0.58216435185185189</v>
      </c>
      <c r="C2169">
        <v>143.1234</v>
      </c>
      <c r="D2169">
        <v>286.24680000000001</v>
      </c>
    </row>
    <row r="2170" spans="1:4" x14ac:dyDescent="0.25">
      <c r="A2170" s="1">
        <v>41873</v>
      </c>
      <c r="B2170" s="2">
        <v>0.65142361111111113</v>
      </c>
      <c r="C2170">
        <v>143.19</v>
      </c>
      <c r="D2170">
        <v>286.38</v>
      </c>
    </row>
    <row r="2171" spans="1:4" x14ac:dyDescent="0.25">
      <c r="A2171" s="1">
        <v>41873</v>
      </c>
      <c r="B2171" s="2">
        <v>0.71842592592592591</v>
      </c>
      <c r="C2171">
        <v>143.25659999999996</v>
      </c>
      <c r="D2171">
        <v>286.51319999999993</v>
      </c>
    </row>
    <row r="2172" spans="1:4" x14ac:dyDescent="0.25">
      <c r="A2172" s="1">
        <v>41873</v>
      </c>
      <c r="B2172" s="2">
        <v>0.79484953703703709</v>
      </c>
      <c r="C2172">
        <v>143.32319999999999</v>
      </c>
      <c r="D2172">
        <v>286.64639999999997</v>
      </c>
    </row>
    <row r="2173" spans="1:4" x14ac:dyDescent="0.25">
      <c r="A2173" s="1">
        <v>41873</v>
      </c>
      <c r="B2173" s="2">
        <v>0.8696180555555556</v>
      </c>
      <c r="C2173">
        <v>143.38979999999998</v>
      </c>
      <c r="D2173">
        <v>286.77959999999996</v>
      </c>
    </row>
    <row r="2174" spans="1:4" x14ac:dyDescent="0.25">
      <c r="A2174" s="1">
        <v>41873</v>
      </c>
      <c r="B2174" s="2">
        <v>0.95527777777777778</v>
      </c>
      <c r="C2174">
        <v>143.4564</v>
      </c>
      <c r="D2174">
        <v>286.9128</v>
      </c>
    </row>
    <row r="2175" spans="1:4" x14ac:dyDescent="0.25">
      <c r="A2175" s="1">
        <v>41874</v>
      </c>
      <c r="B2175" s="2">
        <v>3.9918981481481479E-2</v>
      </c>
      <c r="C2175">
        <v>143.523</v>
      </c>
      <c r="D2175">
        <v>287.04599999999999</v>
      </c>
    </row>
    <row r="2176" spans="1:4" x14ac:dyDescent="0.25">
      <c r="A2176" s="1">
        <v>41874</v>
      </c>
      <c r="B2176" s="2">
        <v>0.13387731481481482</v>
      </c>
      <c r="C2176">
        <v>143.58959999999999</v>
      </c>
      <c r="D2176">
        <v>287.17919999999998</v>
      </c>
    </row>
    <row r="2177" spans="1:4" x14ac:dyDescent="0.25">
      <c r="A2177" s="1">
        <v>41874</v>
      </c>
      <c r="B2177" s="2">
        <v>0.22436342592592592</v>
      </c>
      <c r="C2177">
        <v>143.65619999999998</v>
      </c>
      <c r="D2177">
        <v>287.31239999999997</v>
      </c>
    </row>
    <row r="2178" spans="1:4" x14ac:dyDescent="0.25">
      <c r="A2178" s="1">
        <v>41874</v>
      </c>
      <c r="B2178" s="2">
        <v>0.32652777777777781</v>
      </c>
      <c r="C2178">
        <v>143.72279999999998</v>
      </c>
      <c r="D2178">
        <v>287.44559999999996</v>
      </c>
    </row>
    <row r="2179" spans="1:4" x14ac:dyDescent="0.25">
      <c r="A2179" s="1">
        <v>41874</v>
      </c>
      <c r="B2179" s="2">
        <v>0.42648148148148146</v>
      </c>
      <c r="C2179">
        <v>143.7894</v>
      </c>
      <c r="D2179">
        <v>287.5788</v>
      </c>
    </row>
    <row r="2180" spans="1:4" x14ac:dyDescent="0.25">
      <c r="A2180" s="1">
        <v>41874</v>
      </c>
      <c r="B2180" s="2">
        <v>0.52052083333333332</v>
      </c>
      <c r="C2180">
        <v>143.85599999999999</v>
      </c>
      <c r="D2180">
        <v>287.71199999999999</v>
      </c>
    </row>
    <row r="2181" spans="1:4" x14ac:dyDescent="0.25">
      <c r="A2181" s="1">
        <v>41874</v>
      </c>
      <c r="B2181" s="2">
        <v>0.6033680555555555</v>
      </c>
      <c r="C2181">
        <v>143.92259999999999</v>
      </c>
      <c r="D2181">
        <v>287.84519999999998</v>
      </c>
    </row>
    <row r="2182" spans="1:4" x14ac:dyDescent="0.25">
      <c r="A2182" s="1">
        <v>41874</v>
      </c>
      <c r="B2182" s="2">
        <v>0.68659722222222219</v>
      </c>
      <c r="C2182">
        <v>143.98919999999998</v>
      </c>
      <c r="D2182">
        <v>287.97839999999997</v>
      </c>
    </row>
    <row r="2183" spans="1:4" x14ac:dyDescent="0.25">
      <c r="A2183" s="1">
        <v>41874</v>
      </c>
      <c r="B2183" s="2">
        <v>0.78792824074074075</v>
      </c>
      <c r="C2183">
        <v>144.05579999999998</v>
      </c>
      <c r="D2183">
        <v>288.11159999999995</v>
      </c>
    </row>
    <row r="2184" spans="1:4" x14ac:dyDescent="0.25">
      <c r="A2184" s="1">
        <v>41874</v>
      </c>
      <c r="B2184" s="2">
        <v>0.89787037037037043</v>
      </c>
      <c r="C2184">
        <v>144.1224</v>
      </c>
      <c r="D2184">
        <v>288.2448</v>
      </c>
    </row>
    <row r="2185" spans="1:4" x14ac:dyDescent="0.25">
      <c r="A2185" s="1">
        <v>41874</v>
      </c>
      <c r="B2185" s="2">
        <v>0.97861111111111121</v>
      </c>
      <c r="C2185">
        <v>144.18899999999999</v>
      </c>
      <c r="D2185">
        <v>288.37799999999999</v>
      </c>
    </row>
    <row r="2186" spans="1:4" x14ac:dyDescent="0.25">
      <c r="A2186" s="1">
        <v>41875</v>
      </c>
      <c r="B2186" s="2">
        <v>2.7453703703703702E-2</v>
      </c>
      <c r="C2186">
        <v>144.25559999999999</v>
      </c>
      <c r="D2186">
        <v>288.51119999999997</v>
      </c>
    </row>
    <row r="2187" spans="1:4" x14ac:dyDescent="0.25">
      <c r="A2187" s="1">
        <v>41875</v>
      </c>
      <c r="B2187" s="2">
        <v>6.429398148148148E-2</v>
      </c>
      <c r="C2187">
        <v>144.32219999999998</v>
      </c>
      <c r="D2187">
        <v>288.64439999999996</v>
      </c>
    </row>
    <row r="2188" spans="1:4" x14ac:dyDescent="0.25">
      <c r="A2188" s="1">
        <v>41875</v>
      </c>
      <c r="B2188" s="2">
        <v>9.5358796296296289E-2</v>
      </c>
      <c r="C2188">
        <v>144.38879999999997</v>
      </c>
      <c r="D2188">
        <v>288.77759999999995</v>
      </c>
    </row>
    <row r="2189" spans="1:4" x14ac:dyDescent="0.25">
      <c r="A2189" s="1">
        <v>41875</v>
      </c>
      <c r="B2189" s="2">
        <v>0.12350694444444445</v>
      </c>
      <c r="C2189">
        <v>144.4554</v>
      </c>
      <c r="D2189">
        <v>288.91079999999999</v>
      </c>
    </row>
    <row r="2190" spans="1:4" x14ac:dyDescent="0.25">
      <c r="A2190" s="1">
        <v>41875</v>
      </c>
      <c r="B2190" s="2">
        <v>0.15149305555555556</v>
      </c>
      <c r="C2190">
        <v>144.52199999999999</v>
      </c>
      <c r="D2190">
        <v>289.04399999999998</v>
      </c>
    </row>
    <row r="2191" spans="1:4" x14ac:dyDescent="0.25">
      <c r="A2191" s="1">
        <v>41875</v>
      </c>
      <c r="B2191" s="2">
        <v>0.17689814814814817</v>
      </c>
      <c r="C2191">
        <v>144.58859999999999</v>
      </c>
      <c r="D2191">
        <v>289.17719999999997</v>
      </c>
    </row>
    <row r="2192" spans="1:4" x14ac:dyDescent="0.25">
      <c r="A2192" s="1">
        <v>41875</v>
      </c>
      <c r="B2192" s="2">
        <v>0.20239583333333333</v>
      </c>
      <c r="C2192">
        <v>144.65519999999998</v>
      </c>
      <c r="D2192">
        <v>289.31039999999996</v>
      </c>
    </row>
    <row r="2193" spans="1:4" x14ac:dyDescent="0.25">
      <c r="A2193" s="1">
        <v>41875</v>
      </c>
      <c r="B2193" s="2">
        <v>0.22562499999999999</v>
      </c>
      <c r="C2193">
        <v>144.7218</v>
      </c>
      <c r="D2193">
        <v>289.4436</v>
      </c>
    </row>
    <row r="2194" spans="1:4" x14ac:dyDescent="0.25">
      <c r="A2194" s="1">
        <v>41875</v>
      </c>
      <c r="B2194" s="2">
        <v>0.24884259259259259</v>
      </c>
      <c r="C2194">
        <v>144.7884</v>
      </c>
      <c r="D2194">
        <v>289.57679999999999</v>
      </c>
    </row>
    <row r="2195" spans="1:4" x14ac:dyDescent="0.25">
      <c r="A2195" s="1">
        <v>41875</v>
      </c>
      <c r="B2195" s="2">
        <v>0.2698726851851852</v>
      </c>
      <c r="C2195">
        <v>144.85499999999999</v>
      </c>
      <c r="D2195">
        <v>289.70999999999998</v>
      </c>
    </row>
    <row r="2196" spans="1:4" x14ac:dyDescent="0.25">
      <c r="A2196" s="1">
        <v>41875</v>
      </c>
      <c r="B2196" s="2">
        <v>0.29123842592592591</v>
      </c>
      <c r="C2196">
        <v>144.92159999999998</v>
      </c>
      <c r="D2196">
        <v>289.84319999999997</v>
      </c>
    </row>
    <row r="2197" spans="1:4" x14ac:dyDescent="0.25">
      <c r="A2197" s="1">
        <v>41875</v>
      </c>
      <c r="B2197" s="2">
        <v>0.31081018518518516</v>
      </c>
      <c r="C2197">
        <v>144.98819999999998</v>
      </c>
      <c r="D2197">
        <v>289.97639999999996</v>
      </c>
    </row>
    <row r="2198" spans="1:4" x14ac:dyDescent="0.25">
      <c r="A2198" s="1">
        <v>41875</v>
      </c>
      <c r="B2198" s="2">
        <v>0.33119212962962963</v>
      </c>
      <c r="C2198">
        <v>145.0548</v>
      </c>
      <c r="D2198">
        <v>290.1096</v>
      </c>
    </row>
    <row r="2199" spans="1:4" x14ac:dyDescent="0.25">
      <c r="A2199" s="1">
        <v>41875</v>
      </c>
      <c r="B2199" s="2">
        <v>0.35037037037037039</v>
      </c>
      <c r="C2199">
        <v>145.12139999999999</v>
      </c>
      <c r="D2199">
        <v>290.24279999999999</v>
      </c>
    </row>
    <row r="2200" spans="1:4" x14ac:dyDescent="0.25">
      <c r="A2200" s="1">
        <v>41875</v>
      </c>
      <c r="B2200" s="2">
        <v>0.37070601851851853</v>
      </c>
      <c r="C2200">
        <v>145.18799999999999</v>
      </c>
      <c r="D2200">
        <v>290.37599999999998</v>
      </c>
    </row>
    <row r="2201" spans="1:4" x14ac:dyDescent="0.25">
      <c r="A2201" s="1">
        <v>41875</v>
      </c>
      <c r="B2201" s="2">
        <v>0.39004629629629628</v>
      </c>
      <c r="C2201">
        <v>145.25459999999998</v>
      </c>
      <c r="D2201">
        <v>290.50919999999996</v>
      </c>
    </row>
    <row r="2202" spans="1:4" x14ac:dyDescent="0.25">
      <c r="A2202" s="1">
        <v>41875</v>
      </c>
      <c r="B2202" s="2">
        <v>0.41068287037037038</v>
      </c>
      <c r="C2202">
        <v>145.32119999999998</v>
      </c>
      <c r="D2202">
        <v>290.64239999999995</v>
      </c>
    </row>
    <row r="2203" spans="1:4" x14ac:dyDescent="0.25">
      <c r="A2203" s="1">
        <v>41875</v>
      </c>
      <c r="B2203" s="2">
        <v>0.43083333333333335</v>
      </c>
      <c r="C2203">
        <v>145.3878</v>
      </c>
      <c r="D2203">
        <v>290.7756</v>
      </c>
    </row>
    <row r="2204" spans="1:4" x14ac:dyDescent="0.25">
      <c r="A2204" s="1">
        <v>41875</v>
      </c>
      <c r="B2204" s="2">
        <v>0.45218749999999996</v>
      </c>
      <c r="C2204">
        <v>145.45439999999999</v>
      </c>
      <c r="D2204">
        <v>290.90879999999999</v>
      </c>
    </row>
    <row r="2205" spans="1:4" x14ac:dyDescent="0.25">
      <c r="A2205" s="1">
        <v>41875</v>
      </c>
      <c r="B2205" s="2">
        <v>0.47333333333333333</v>
      </c>
      <c r="C2205">
        <v>145.52099999999999</v>
      </c>
      <c r="D2205">
        <v>291.04199999999997</v>
      </c>
    </row>
    <row r="2206" spans="1:4" x14ac:dyDescent="0.25">
      <c r="A2206" s="1">
        <v>41875</v>
      </c>
      <c r="B2206" s="2">
        <v>0.49616898148148153</v>
      </c>
      <c r="C2206">
        <v>145.58759999999998</v>
      </c>
      <c r="D2206">
        <v>291.17519999999996</v>
      </c>
    </row>
    <row r="2207" spans="1:4" x14ac:dyDescent="0.25">
      <c r="A2207" s="1">
        <v>41875</v>
      </c>
      <c r="B2207" s="2">
        <v>0.51810185185185187</v>
      </c>
      <c r="C2207">
        <v>145.65419999999997</v>
      </c>
      <c r="D2207">
        <v>291.30839999999995</v>
      </c>
    </row>
    <row r="2208" spans="1:4" x14ac:dyDescent="0.25">
      <c r="A2208" s="1">
        <v>41875</v>
      </c>
      <c r="B2208" s="2">
        <v>0.54190972222222222</v>
      </c>
      <c r="C2208">
        <v>145.7208</v>
      </c>
      <c r="D2208">
        <v>291.44159999999999</v>
      </c>
    </row>
    <row r="2209" spans="1:4" x14ac:dyDescent="0.25">
      <c r="A2209" s="1">
        <v>41875</v>
      </c>
      <c r="B2209" s="2">
        <v>0.56532407407407403</v>
      </c>
      <c r="C2209">
        <v>145.78739999999999</v>
      </c>
      <c r="D2209">
        <v>291.57479999999998</v>
      </c>
    </row>
    <row r="2210" spans="1:4" x14ac:dyDescent="0.25">
      <c r="A2210" s="1">
        <v>41875</v>
      </c>
      <c r="B2210" s="2">
        <v>0.59042824074074074</v>
      </c>
      <c r="C2210">
        <v>145.85400000000001</v>
      </c>
      <c r="D2210">
        <v>291.70800000000003</v>
      </c>
    </row>
    <row r="2211" spans="1:4" x14ac:dyDescent="0.25">
      <c r="A2211" s="1">
        <v>41875</v>
      </c>
      <c r="B2211" s="2">
        <v>0.6154398148148148</v>
      </c>
      <c r="C2211">
        <v>145.92059999999998</v>
      </c>
      <c r="D2211">
        <v>291.84119999999996</v>
      </c>
    </row>
    <row r="2212" spans="1:4" x14ac:dyDescent="0.25">
      <c r="A2212" s="1">
        <v>41875</v>
      </c>
      <c r="B2212" s="2">
        <v>0.64238425925925924</v>
      </c>
      <c r="C2212">
        <v>145.98719999999997</v>
      </c>
      <c r="D2212">
        <v>291.97439999999995</v>
      </c>
    </row>
    <row r="2213" spans="1:4" x14ac:dyDescent="0.25">
      <c r="A2213" s="1">
        <v>41875</v>
      </c>
      <c r="B2213" s="2">
        <v>0.66983796296296294</v>
      </c>
      <c r="C2213">
        <v>146.0538</v>
      </c>
      <c r="D2213">
        <v>292.10759999999999</v>
      </c>
    </row>
    <row r="2214" spans="1:4" x14ac:dyDescent="0.25">
      <c r="A2214" s="1">
        <v>41875</v>
      </c>
      <c r="B2214" s="2">
        <v>0.69869212962962957</v>
      </c>
      <c r="C2214">
        <v>146.12039999999999</v>
      </c>
      <c r="D2214">
        <v>292.24079999999998</v>
      </c>
    </row>
    <row r="2215" spans="1:4" x14ac:dyDescent="0.25">
      <c r="A2215" s="1">
        <v>41875</v>
      </c>
      <c r="B2215" s="2">
        <v>0.72809027777777768</v>
      </c>
      <c r="C2215">
        <v>146.18700000000001</v>
      </c>
      <c r="D2215">
        <v>292.37400000000002</v>
      </c>
    </row>
    <row r="2216" spans="1:4" x14ac:dyDescent="0.25">
      <c r="A2216" s="1">
        <v>41875</v>
      </c>
      <c r="B2216" s="2">
        <v>0.75708333333333344</v>
      </c>
      <c r="C2216">
        <v>146.25359999999998</v>
      </c>
      <c r="D2216">
        <v>292.50719999999995</v>
      </c>
    </row>
    <row r="2217" spans="1:4" x14ac:dyDescent="0.25">
      <c r="A2217" s="1">
        <v>41875</v>
      </c>
      <c r="B2217" s="2">
        <v>0.78843750000000001</v>
      </c>
      <c r="C2217">
        <v>146.32019999999997</v>
      </c>
      <c r="D2217">
        <v>292.64039999999994</v>
      </c>
    </row>
    <row r="2218" spans="1:4" x14ac:dyDescent="0.25">
      <c r="A2218" s="1">
        <v>41875</v>
      </c>
      <c r="B2218" s="2">
        <v>0.82136574074074076</v>
      </c>
      <c r="C2218">
        <v>146.38679999999999</v>
      </c>
      <c r="D2218">
        <v>292.77359999999999</v>
      </c>
    </row>
    <row r="2219" spans="1:4" x14ac:dyDescent="0.25">
      <c r="A2219" s="1">
        <v>41875</v>
      </c>
      <c r="B2219" s="2">
        <v>0.85449074074074083</v>
      </c>
      <c r="C2219">
        <v>146.45339999999999</v>
      </c>
      <c r="D2219">
        <v>292.90679999999998</v>
      </c>
    </row>
    <row r="2220" spans="1:4" x14ac:dyDescent="0.25">
      <c r="A2220" s="1">
        <v>41875</v>
      </c>
      <c r="B2220" s="2">
        <v>0.89067129629629627</v>
      </c>
      <c r="C2220">
        <v>146.52000000000001</v>
      </c>
      <c r="D2220">
        <v>293.04000000000002</v>
      </c>
    </row>
    <row r="2221" spans="1:4" x14ac:dyDescent="0.25">
      <c r="A2221" s="1">
        <v>41875</v>
      </c>
      <c r="B2221" s="2">
        <v>0.9264930555555555</v>
      </c>
      <c r="C2221">
        <v>146.58659999999998</v>
      </c>
      <c r="D2221">
        <v>293.17319999999995</v>
      </c>
    </row>
    <row r="2222" spans="1:4" x14ac:dyDescent="0.25">
      <c r="A2222" s="1">
        <v>41875</v>
      </c>
      <c r="B2222" s="2">
        <v>0.96452546296296304</v>
      </c>
      <c r="C2222">
        <v>146.65319999999997</v>
      </c>
      <c r="D2222">
        <v>293.30639999999994</v>
      </c>
    </row>
    <row r="2223" spans="1:4" x14ac:dyDescent="0.25">
      <c r="A2223" s="1">
        <v>41876</v>
      </c>
      <c r="B2223" s="2">
        <v>2.1990740740740742E-3</v>
      </c>
      <c r="C2223">
        <v>146.71979999999999</v>
      </c>
      <c r="D2223">
        <v>293.43959999999998</v>
      </c>
    </row>
    <row r="2224" spans="1:4" x14ac:dyDescent="0.25">
      <c r="A2224" s="1">
        <v>41876</v>
      </c>
      <c r="B2224" s="2">
        <v>4.3101851851851856E-2</v>
      </c>
      <c r="C2224">
        <v>146.78639999999999</v>
      </c>
      <c r="D2224">
        <v>293.57279999999997</v>
      </c>
    </row>
    <row r="2225" spans="1:4" x14ac:dyDescent="0.25">
      <c r="A2225" s="1">
        <v>41876</v>
      </c>
      <c r="B2225" s="2">
        <v>8.3194444444444446E-2</v>
      </c>
      <c r="C2225">
        <v>146.85300000000001</v>
      </c>
      <c r="D2225">
        <v>293.70600000000002</v>
      </c>
    </row>
    <row r="2226" spans="1:4" x14ac:dyDescent="0.25">
      <c r="A2226" s="1">
        <v>41876</v>
      </c>
      <c r="B2226" s="2">
        <v>0.12644675925925927</v>
      </c>
      <c r="C2226">
        <v>146.91959999999997</v>
      </c>
      <c r="D2226">
        <v>293.83919999999995</v>
      </c>
    </row>
    <row r="2227" spans="1:4" x14ac:dyDescent="0.25">
      <c r="A2227" s="1">
        <v>41876</v>
      </c>
      <c r="B2227" s="2">
        <v>0.1701273148148148</v>
      </c>
      <c r="C2227">
        <v>146.9862</v>
      </c>
      <c r="D2227">
        <v>293.97239999999999</v>
      </c>
    </row>
    <row r="2228" spans="1:4" x14ac:dyDescent="0.25">
      <c r="A2228" s="1">
        <v>41876</v>
      </c>
      <c r="B2228" s="2">
        <v>0.21710648148148148</v>
      </c>
      <c r="C2228">
        <v>147.05279999999999</v>
      </c>
      <c r="D2228">
        <v>294.10559999999998</v>
      </c>
    </row>
    <row r="2229" spans="1:4" x14ac:dyDescent="0.25">
      <c r="A2229" s="1">
        <v>41876</v>
      </c>
      <c r="B2229" s="2">
        <v>0.26314814814814813</v>
      </c>
      <c r="C2229">
        <v>147.11939999999998</v>
      </c>
      <c r="D2229">
        <v>294.23879999999997</v>
      </c>
    </row>
    <row r="2230" spans="1:4" x14ac:dyDescent="0.25">
      <c r="A2230" s="1">
        <v>41876</v>
      </c>
      <c r="B2230" s="2">
        <v>0.31319444444444444</v>
      </c>
      <c r="C2230">
        <v>147.18600000000001</v>
      </c>
      <c r="D2230">
        <v>294.37200000000001</v>
      </c>
    </row>
    <row r="2231" spans="1:4" x14ac:dyDescent="0.25">
      <c r="A2231" s="1">
        <v>41876</v>
      </c>
      <c r="B2231" s="2">
        <v>0.36334490740740738</v>
      </c>
      <c r="C2231">
        <v>147.25259999999997</v>
      </c>
      <c r="D2231">
        <v>294.50519999999995</v>
      </c>
    </row>
    <row r="2232" spans="1:4" x14ac:dyDescent="0.25">
      <c r="A2232" s="1">
        <v>41876</v>
      </c>
      <c r="B2232" s="2">
        <v>0.41622685185185188</v>
      </c>
      <c r="C2232">
        <v>147.3192</v>
      </c>
      <c r="D2232">
        <v>294.63839999999999</v>
      </c>
    </row>
    <row r="2233" spans="1:4" x14ac:dyDescent="0.25">
      <c r="A2233" s="1">
        <v>41876</v>
      </c>
      <c r="B2233" s="2">
        <v>0.4682986111111111</v>
      </c>
      <c r="C2233">
        <v>147.38579999999999</v>
      </c>
      <c r="D2233">
        <v>294.77159999999998</v>
      </c>
    </row>
    <row r="2234" spans="1:4" x14ac:dyDescent="0.25">
      <c r="A2234" s="1">
        <v>41876</v>
      </c>
      <c r="B2234" s="2">
        <v>0.52380787037037035</v>
      </c>
      <c r="C2234">
        <v>147.45239999999998</v>
      </c>
      <c r="D2234">
        <v>294.90479999999997</v>
      </c>
    </row>
    <row r="2235" spans="1:4" x14ac:dyDescent="0.25">
      <c r="A2235" s="1">
        <v>41876</v>
      </c>
      <c r="B2235" s="2">
        <v>0.58096064814814818</v>
      </c>
      <c r="C2235">
        <v>147.51900000000001</v>
      </c>
      <c r="D2235">
        <v>295.03800000000001</v>
      </c>
    </row>
    <row r="2236" spans="1:4" x14ac:dyDescent="0.25">
      <c r="A2236" s="1">
        <v>41876</v>
      </c>
      <c r="B2236" s="2">
        <v>0.64111111111111108</v>
      </c>
      <c r="C2236">
        <v>147.58559999999997</v>
      </c>
      <c r="D2236">
        <v>295.17119999999994</v>
      </c>
    </row>
    <row r="2237" spans="1:4" x14ac:dyDescent="0.25">
      <c r="A2237" s="1">
        <v>41876</v>
      </c>
      <c r="B2237" s="2">
        <v>0.70267361111111104</v>
      </c>
      <c r="C2237">
        <v>147.65219999999999</v>
      </c>
      <c r="D2237">
        <v>295.30439999999999</v>
      </c>
    </row>
    <row r="2238" spans="1:4" x14ac:dyDescent="0.25">
      <c r="A2238" s="1">
        <v>41876</v>
      </c>
      <c r="B2238" s="2">
        <v>0.77033564814814814</v>
      </c>
      <c r="C2238">
        <v>147.71879999999999</v>
      </c>
      <c r="D2238">
        <v>295.43759999999997</v>
      </c>
    </row>
    <row r="2239" spans="1:4" x14ac:dyDescent="0.25">
      <c r="A2239" s="1">
        <v>41876</v>
      </c>
      <c r="B2239" s="2">
        <v>0.84017361111111111</v>
      </c>
      <c r="C2239">
        <v>147.78539999999998</v>
      </c>
      <c r="D2239">
        <v>295.57079999999996</v>
      </c>
    </row>
    <row r="2240" spans="1:4" x14ac:dyDescent="0.25">
      <c r="A2240" s="1">
        <v>41876</v>
      </c>
      <c r="B2240" s="2">
        <v>0.91628472222222224</v>
      </c>
      <c r="C2240">
        <v>147.852</v>
      </c>
      <c r="D2240">
        <v>295.70400000000001</v>
      </c>
    </row>
    <row r="2241" spans="1:4" x14ac:dyDescent="0.25">
      <c r="A2241" s="1">
        <v>41876</v>
      </c>
      <c r="B2241" s="2">
        <v>0.99284722222222221</v>
      </c>
      <c r="C2241">
        <v>147.91859999999997</v>
      </c>
      <c r="D2241">
        <v>295.83719999999994</v>
      </c>
    </row>
    <row r="2242" spans="1:4" x14ac:dyDescent="0.25">
      <c r="A2242" s="1">
        <v>41877</v>
      </c>
      <c r="B2242" s="2">
        <v>7.2638888888888892E-2</v>
      </c>
      <c r="C2242">
        <v>147.98519999999999</v>
      </c>
      <c r="D2242">
        <v>295.97039999999998</v>
      </c>
    </row>
    <row r="2243" spans="1:4" x14ac:dyDescent="0.25">
      <c r="A2243" s="1">
        <v>41877</v>
      </c>
      <c r="B2243" s="2">
        <v>0.15206018518518519</v>
      </c>
      <c r="C2243">
        <v>148.05179999999999</v>
      </c>
      <c r="D2243">
        <v>296.10359999999997</v>
      </c>
    </row>
    <row r="2244" spans="1:4" x14ac:dyDescent="0.25">
      <c r="A2244" s="1">
        <v>41877</v>
      </c>
      <c r="B2244" s="2">
        <v>0.2364236111111111</v>
      </c>
      <c r="C2244">
        <v>148.11840000000001</v>
      </c>
      <c r="D2244">
        <v>296.23680000000002</v>
      </c>
    </row>
    <row r="2245" spans="1:4" x14ac:dyDescent="0.25">
      <c r="A2245" s="1">
        <v>41877</v>
      </c>
      <c r="B2245" s="2">
        <v>0.32226851851851851</v>
      </c>
      <c r="C2245">
        <v>148.185</v>
      </c>
      <c r="D2245">
        <v>296.37</v>
      </c>
    </row>
    <row r="2246" spans="1:4" x14ac:dyDescent="0.25">
      <c r="A2246" s="1">
        <v>41877</v>
      </c>
      <c r="B2246" s="2">
        <v>0.41508101851851853</v>
      </c>
      <c r="C2246">
        <v>148.25159999999997</v>
      </c>
      <c r="D2246">
        <v>296.50319999999994</v>
      </c>
    </row>
    <row r="2247" spans="1:4" x14ac:dyDescent="0.25">
      <c r="A2247" s="1">
        <v>41877</v>
      </c>
      <c r="B2247" s="2">
        <v>0.508275462962963</v>
      </c>
      <c r="C2247">
        <v>148.31819999999999</v>
      </c>
      <c r="D2247">
        <v>296.63639999999998</v>
      </c>
    </row>
    <row r="2248" spans="1:4" x14ac:dyDescent="0.25">
      <c r="A2248" s="1">
        <v>41877</v>
      </c>
      <c r="B2248" s="2">
        <v>0.60901620370370368</v>
      </c>
      <c r="C2248">
        <v>148.38479999999998</v>
      </c>
      <c r="D2248">
        <v>296.76959999999997</v>
      </c>
    </row>
    <row r="2249" spans="1:4" x14ac:dyDescent="0.25">
      <c r="A2249" s="1">
        <v>41877</v>
      </c>
      <c r="B2249" s="2">
        <v>0.70960648148148142</v>
      </c>
      <c r="C2249">
        <v>148.45140000000001</v>
      </c>
      <c r="D2249">
        <v>296.90280000000001</v>
      </c>
    </row>
    <row r="2250" spans="1:4" x14ac:dyDescent="0.25">
      <c r="A2250" s="1">
        <v>41877</v>
      </c>
      <c r="B2250" s="2">
        <v>0.82240740740740748</v>
      </c>
      <c r="C2250">
        <v>148.518</v>
      </c>
      <c r="D2250">
        <v>297.036</v>
      </c>
    </row>
    <row r="2251" spans="1:4" x14ac:dyDescent="0.25">
      <c r="A2251" s="1">
        <v>41877</v>
      </c>
      <c r="B2251" s="2">
        <v>0.93746527777777777</v>
      </c>
      <c r="C2251">
        <v>148.58459999999997</v>
      </c>
      <c r="D2251">
        <v>297.16919999999993</v>
      </c>
    </row>
    <row r="2252" spans="1:4" x14ac:dyDescent="0.25">
      <c r="A2252" s="1">
        <v>41878</v>
      </c>
      <c r="B2252" s="2">
        <v>3.5590277777777776E-2</v>
      </c>
      <c r="C2252">
        <v>148.65119999999999</v>
      </c>
      <c r="D2252">
        <v>297.30239999999998</v>
      </c>
    </row>
    <row r="2253" spans="1:4" x14ac:dyDescent="0.25">
      <c r="A2253" s="1">
        <v>41878</v>
      </c>
      <c r="B2253" s="2">
        <v>0.15159722222222222</v>
      </c>
      <c r="C2253">
        <v>148.71779999999998</v>
      </c>
      <c r="D2253">
        <v>297.43559999999997</v>
      </c>
    </row>
    <row r="2254" spans="1:4" x14ac:dyDescent="0.25">
      <c r="A2254" s="1">
        <v>41878</v>
      </c>
      <c r="B2254" s="2">
        <v>0.20908564814814815</v>
      </c>
      <c r="C2254">
        <v>148.78440000000001</v>
      </c>
      <c r="D2254">
        <v>297.56880000000001</v>
      </c>
    </row>
    <row r="2255" spans="1:4" x14ac:dyDescent="0.25">
      <c r="A2255" s="1">
        <v>41878</v>
      </c>
      <c r="B2255" s="2">
        <v>0.30585648148148148</v>
      </c>
      <c r="C2255">
        <v>148.851</v>
      </c>
      <c r="D2255">
        <v>297.702</v>
      </c>
    </row>
    <row r="2256" spans="1:4" x14ac:dyDescent="0.25">
      <c r="A2256" s="1">
        <v>41878</v>
      </c>
      <c r="B2256" s="2">
        <v>0.36096064814814816</v>
      </c>
      <c r="C2256">
        <v>148.91759999999996</v>
      </c>
      <c r="D2256">
        <v>297.83519999999993</v>
      </c>
    </row>
    <row r="2257" spans="1:4" x14ac:dyDescent="0.25">
      <c r="A2257" s="1">
        <v>41878</v>
      </c>
      <c r="B2257" s="2">
        <v>0.38504629629629633</v>
      </c>
      <c r="C2257">
        <v>148.98419999999999</v>
      </c>
      <c r="D2257">
        <v>297.96839999999997</v>
      </c>
    </row>
    <row r="2258" spans="1:4" x14ac:dyDescent="0.25">
      <c r="A2258" s="1">
        <v>41878</v>
      </c>
      <c r="B2258" s="2">
        <v>0.40234953703703707</v>
      </c>
      <c r="C2258">
        <v>149.05079999999998</v>
      </c>
      <c r="D2258">
        <v>298.10159999999996</v>
      </c>
    </row>
    <row r="2259" spans="1:4" x14ac:dyDescent="0.25">
      <c r="A2259" s="1">
        <v>41878</v>
      </c>
      <c r="B2259" s="2">
        <v>0.41655092592592591</v>
      </c>
      <c r="C2259">
        <v>149.1174</v>
      </c>
      <c r="D2259">
        <v>298.23480000000001</v>
      </c>
    </row>
    <row r="2260" spans="1:4" x14ac:dyDescent="0.25">
      <c r="A2260" s="1">
        <v>41878</v>
      </c>
      <c r="B2260" s="2">
        <v>0.43018518518518517</v>
      </c>
      <c r="C2260">
        <v>149.184</v>
      </c>
      <c r="D2260">
        <v>298.36799999999999</v>
      </c>
    </row>
    <row r="2261" spans="1:4" x14ac:dyDescent="0.25">
      <c r="A2261" s="1">
        <v>41878</v>
      </c>
      <c r="B2261" s="2">
        <v>0.44292824074074072</v>
      </c>
      <c r="C2261">
        <v>149.25059999999996</v>
      </c>
      <c r="D2261">
        <v>298.50119999999993</v>
      </c>
    </row>
    <row r="2262" spans="1:4" x14ac:dyDescent="0.25">
      <c r="A2262" s="1">
        <v>41878</v>
      </c>
      <c r="B2262" s="2">
        <v>0.45606481481481481</v>
      </c>
      <c r="C2262">
        <v>149.31719999999999</v>
      </c>
      <c r="D2262">
        <v>298.63439999999997</v>
      </c>
    </row>
    <row r="2263" spans="1:4" x14ac:dyDescent="0.25">
      <c r="A2263" s="1">
        <v>41878</v>
      </c>
      <c r="B2263" s="2">
        <v>0.46876157407407404</v>
      </c>
      <c r="C2263">
        <v>149.38379999999998</v>
      </c>
      <c r="D2263">
        <v>298.76759999999996</v>
      </c>
    </row>
    <row r="2264" spans="1:4" x14ac:dyDescent="0.25">
      <c r="A2264" s="1">
        <v>41878</v>
      </c>
      <c r="B2264" s="2">
        <v>0.48215277777777782</v>
      </c>
      <c r="C2264">
        <v>149.4504</v>
      </c>
      <c r="D2264">
        <v>298.9008</v>
      </c>
    </row>
    <row r="2265" spans="1:4" x14ac:dyDescent="0.25">
      <c r="A2265" s="1">
        <v>41878</v>
      </c>
      <c r="B2265" s="2">
        <v>0.49524305555555559</v>
      </c>
      <c r="C2265">
        <v>149.517</v>
      </c>
      <c r="D2265">
        <v>299.03399999999999</v>
      </c>
    </row>
    <row r="2266" spans="1:4" x14ac:dyDescent="0.25">
      <c r="A2266" s="1">
        <v>41878</v>
      </c>
      <c r="B2266" s="2">
        <v>0.50912037037037039</v>
      </c>
      <c r="C2266">
        <v>149.58359999999999</v>
      </c>
      <c r="D2266">
        <v>299.16719999999998</v>
      </c>
    </row>
    <row r="2267" spans="1:4" x14ac:dyDescent="0.25">
      <c r="A2267" s="1">
        <v>41878</v>
      </c>
      <c r="B2267" s="2">
        <v>0.52270833333333333</v>
      </c>
      <c r="C2267">
        <v>149.65019999999998</v>
      </c>
      <c r="D2267">
        <v>299.30039999999997</v>
      </c>
    </row>
    <row r="2268" spans="1:4" x14ac:dyDescent="0.25">
      <c r="A2268" s="1">
        <v>41878</v>
      </c>
      <c r="B2268" s="2">
        <v>0.53729166666666661</v>
      </c>
      <c r="C2268">
        <v>149.71679999999998</v>
      </c>
      <c r="D2268">
        <v>299.43359999999996</v>
      </c>
    </row>
    <row r="2269" spans="1:4" x14ac:dyDescent="0.25">
      <c r="A2269" s="1">
        <v>41878</v>
      </c>
      <c r="B2269" s="2">
        <v>0.5516550925925926</v>
      </c>
      <c r="C2269">
        <v>149.7834</v>
      </c>
      <c r="D2269">
        <v>299.5668</v>
      </c>
    </row>
    <row r="2270" spans="1:4" x14ac:dyDescent="0.25">
      <c r="A2270" s="1">
        <v>41878</v>
      </c>
      <c r="B2270" s="2">
        <v>0.56718750000000007</v>
      </c>
      <c r="C2270">
        <v>149.85</v>
      </c>
      <c r="D2270">
        <v>299.7</v>
      </c>
    </row>
    <row r="2271" spans="1:4" x14ac:dyDescent="0.25">
      <c r="A2271" s="1">
        <v>41878</v>
      </c>
      <c r="B2271" s="2">
        <v>0.5826041666666667</v>
      </c>
      <c r="C2271">
        <v>149.91659999999999</v>
      </c>
      <c r="D2271">
        <v>299.83319999999998</v>
      </c>
    </row>
    <row r="2272" spans="1:4" x14ac:dyDescent="0.25">
      <c r="A2272" s="1">
        <v>41878</v>
      </c>
      <c r="B2272" s="2">
        <v>0.59885416666666669</v>
      </c>
      <c r="C2272">
        <v>149.98319999999998</v>
      </c>
      <c r="D2272">
        <v>299.96639999999996</v>
      </c>
    </row>
    <row r="2273" spans="1:4" x14ac:dyDescent="0.25">
      <c r="A2273" s="1">
        <v>41878</v>
      </c>
      <c r="B2273" s="2">
        <v>0.61554398148148148</v>
      </c>
      <c r="C2273">
        <v>150.04979999999998</v>
      </c>
      <c r="D2273">
        <v>300.09959999999995</v>
      </c>
    </row>
    <row r="2274" spans="1:4" x14ac:dyDescent="0.25">
      <c r="A2274" s="1">
        <v>41878</v>
      </c>
      <c r="B2274" s="2">
        <v>0.63312500000000005</v>
      </c>
      <c r="C2274">
        <v>150.1164</v>
      </c>
      <c r="D2274">
        <v>300.2328</v>
      </c>
    </row>
    <row r="2275" spans="1:4" x14ac:dyDescent="0.25">
      <c r="A2275" s="1">
        <v>41878</v>
      </c>
      <c r="B2275" s="2">
        <v>0.65083333333333326</v>
      </c>
      <c r="C2275">
        <v>150.18299999999999</v>
      </c>
      <c r="D2275">
        <v>300.36599999999999</v>
      </c>
    </row>
    <row r="2276" spans="1:4" x14ac:dyDescent="0.25">
      <c r="A2276" s="1">
        <v>41878</v>
      </c>
      <c r="B2276" s="2">
        <v>0.66965277777777776</v>
      </c>
      <c r="C2276">
        <v>150.24959999999999</v>
      </c>
      <c r="D2276">
        <v>300.49919999999997</v>
      </c>
    </row>
    <row r="2277" spans="1:4" x14ac:dyDescent="0.25">
      <c r="A2277" s="1">
        <v>41878</v>
      </c>
      <c r="B2277" s="2">
        <v>0.68888888888888899</v>
      </c>
      <c r="C2277">
        <v>150.31619999999998</v>
      </c>
      <c r="D2277">
        <v>300.63239999999996</v>
      </c>
    </row>
    <row r="2278" spans="1:4" x14ac:dyDescent="0.25">
      <c r="A2278" s="1">
        <v>41878</v>
      </c>
      <c r="B2278" s="2">
        <v>0.70937499999999998</v>
      </c>
      <c r="C2278">
        <v>150.38279999999997</v>
      </c>
      <c r="D2278">
        <v>300.76559999999995</v>
      </c>
    </row>
    <row r="2279" spans="1:4" x14ac:dyDescent="0.25">
      <c r="A2279" s="1">
        <v>41878</v>
      </c>
      <c r="B2279" s="2">
        <v>0.73043981481481479</v>
      </c>
      <c r="C2279">
        <v>150.4494</v>
      </c>
      <c r="D2279">
        <v>300.89879999999999</v>
      </c>
    </row>
    <row r="2280" spans="1:4" x14ac:dyDescent="0.25">
      <c r="A2280" s="1">
        <v>41878</v>
      </c>
      <c r="B2280" s="2">
        <v>0.75320601851851843</v>
      </c>
      <c r="C2280">
        <v>150.51599999999999</v>
      </c>
      <c r="D2280">
        <v>301.03199999999998</v>
      </c>
    </row>
    <row r="2281" spans="1:4" x14ac:dyDescent="0.25">
      <c r="A2281" s="1">
        <v>41878</v>
      </c>
      <c r="B2281" s="2">
        <v>0.77619212962962969</v>
      </c>
      <c r="C2281">
        <v>150.58259999999999</v>
      </c>
      <c r="D2281">
        <v>301.16519999999997</v>
      </c>
    </row>
    <row r="2282" spans="1:4" x14ac:dyDescent="0.25">
      <c r="A2282" s="1">
        <v>41878</v>
      </c>
      <c r="B2282" s="2">
        <v>0.80134259259259266</v>
      </c>
      <c r="C2282">
        <v>150.64919999999998</v>
      </c>
      <c r="D2282">
        <v>301.29839999999996</v>
      </c>
    </row>
    <row r="2283" spans="1:4" x14ac:dyDescent="0.25">
      <c r="A2283" s="1">
        <v>41878</v>
      </c>
      <c r="B2283" s="2">
        <v>0.82626157407407408</v>
      </c>
      <c r="C2283">
        <v>150.7158</v>
      </c>
      <c r="D2283">
        <v>301.4316</v>
      </c>
    </row>
    <row r="2284" spans="1:4" x14ac:dyDescent="0.25">
      <c r="A2284" s="1">
        <v>41878</v>
      </c>
      <c r="B2284" s="2">
        <v>0.85337962962962965</v>
      </c>
      <c r="C2284">
        <v>150.7824</v>
      </c>
      <c r="D2284">
        <v>301.56479999999999</v>
      </c>
    </row>
    <row r="2285" spans="1:4" x14ac:dyDescent="0.25">
      <c r="A2285" s="1">
        <v>41878</v>
      </c>
      <c r="B2285" s="2">
        <v>0.87995370370370374</v>
      </c>
      <c r="C2285">
        <v>150.84899999999999</v>
      </c>
      <c r="D2285">
        <v>301.69799999999998</v>
      </c>
    </row>
    <row r="2286" spans="1:4" x14ac:dyDescent="0.25">
      <c r="A2286" s="1">
        <v>41878</v>
      </c>
      <c r="B2286" s="2">
        <v>0.90290509259259266</v>
      </c>
      <c r="C2286">
        <v>150.91559999999998</v>
      </c>
      <c r="D2286">
        <v>301.83119999999997</v>
      </c>
    </row>
    <row r="2287" spans="1:4" x14ac:dyDescent="0.25">
      <c r="A2287" s="1">
        <v>41878</v>
      </c>
      <c r="B2287" s="2">
        <v>0.90848379629629628</v>
      </c>
      <c r="C2287">
        <v>150.98219999999998</v>
      </c>
      <c r="D2287">
        <v>301.96439999999996</v>
      </c>
    </row>
    <row r="2288" spans="1:4" x14ac:dyDescent="0.25">
      <c r="A2288" s="1">
        <v>41878</v>
      </c>
      <c r="B2288" s="2">
        <v>0.91312499999999996</v>
      </c>
      <c r="C2288">
        <v>151.0488</v>
      </c>
      <c r="D2288">
        <v>302.0976</v>
      </c>
    </row>
    <row r="2289" spans="1:4" x14ac:dyDescent="0.25">
      <c r="A2289" s="1">
        <v>41878</v>
      </c>
      <c r="B2289" s="2">
        <v>0.91716435185185186</v>
      </c>
      <c r="C2289">
        <v>151.11539999999999</v>
      </c>
      <c r="D2289">
        <v>302.23079999999999</v>
      </c>
    </row>
    <row r="2290" spans="1:4" x14ac:dyDescent="0.25">
      <c r="A2290" s="1">
        <v>41878</v>
      </c>
      <c r="B2290" s="2">
        <v>0.92083333333333339</v>
      </c>
      <c r="C2290">
        <v>151.18199999999999</v>
      </c>
      <c r="D2290">
        <v>302.36399999999998</v>
      </c>
    </row>
    <row r="2291" spans="1:4" x14ac:dyDescent="0.25">
      <c r="A2291" s="1">
        <v>41878</v>
      </c>
      <c r="B2291" s="2">
        <v>0.92413194444444446</v>
      </c>
      <c r="C2291">
        <v>151.24859999999998</v>
      </c>
      <c r="D2291">
        <v>302.49719999999996</v>
      </c>
    </row>
    <row r="2292" spans="1:4" x14ac:dyDescent="0.25">
      <c r="A2292" s="1">
        <v>41878</v>
      </c>
      <c r="B2292" s="2">
        <v>0.92724537037037036</v>
      </c>
      <c r="C2292">
        <v>151.31519999999998</v>
      </c>
      <c r="D2292">
        <v>302.63039999999995</v>
      </c>
    </row>
    <row r="2293" spans="1:4" x14ac:dyDescent="0.25">
      <c r="A2293" s="1">
        <v>41878</v>
      </c>
      <c r="B2293" s="2">
        <v>0.93012731481481481</v>
      </c>
      <c r="C2293">
        <v>151.3818</v>
      </c>
      <c r="D2293">
        <v>302.7636</v>
      </c>
    </row>
    <row r="2294" spans="1:4" x14ac:dyDescent="0.25">
      <c r="A2294" s="1">
        <v>41878</v>
      </c>
      <c r="B2294" s="2">
        <v>0.93292824074074077</v>
      </c>
      <c r="C2294">
        <v>151.44839999999999</v>
      </c>
      <c r="D2294">
        <v>302.89679999999998</v>
      </c>
    </row>
    <row r="2295" spans="1:4" x14ac:dyDescent="0.25">
      <c r="A2295" s="1">
        <v>41878</v>
      </c>
      <c r="B2295" s="2">
        <v>0.93556712962962962</v>
      </c>
      <c r="C2295">
        <v>151.51499999999999</v>
      </c>
      <c r="D2295">
        <v>303.02999999999997</v>
      </c>
    </row>
    <row r="2296" spans="1:4" x14ac:dyDescent="0.25">
      <c r="A2296" s="1">
        <v>41878</v>
      </c>
      <c r="B2296" s="2">
        <v>0.9381828703703704</v>
      </c>
      <c r="C2296">
        <v>151.58159999999998</v>
      </c>
      <c r="D2296">
        <v>303.16319999999996</v>
      </c>
    </row>
    <row r="2297" spans="1:4" x14ac:dyDescent="0.25">
      <c r="A2297" s="1">
        <v>41878</v>
      </c>
      <c r="B2297" s="2">
        <v>0.94067129629629631</v>
      </c>
      <c r="C2297">
        <v>151.64819999999997</v>
      </c>
      <c r="D2297">
        <v>303.29639999999995</v>
      </c>
    </row>
    <row r="2298" spans="1:4" x14ac:dyDescent="0.25">
      <c r="A2298" s="1">
        <v>41878</v>
      </c>
      <c r="B2298" s="2">
        <v>0.94322916666666667</v>
      </c>
      <c r="C2298">
        <v>151.7148</v>
      </c>
      <c r="D2298">
        <v>303.42959999999999</v>
      </c>
    </row>
    <row r="2299" spans="1:4" x14ac:dyDescent="0.25">
      <c r="A2299" s="1">
        <v>41878</v>
      </c>
      <c r="B2299" s="2">
        <v>0.94575231481481481</v>
      </c>
      <c r="C2299">
        <v>151.78139999999999</v>
      </c>
      <c r="D2299">
        <v>303.56279999999998</v>
      </c>
    </row>
    <row r="2300" spans="1:4" x14ac:dyDescent="0.25">
      <c r="A2300" s="1">
        <v>41878</v>
      </c>
      <c r="B2300" s="2">
        <v>0.94832175925925932</v>
      </c>
      <c r="C2300">
        <v>151.84800000000001</v>
      </c>
      <c r="D2300">
        <v>303.69600000000003</v>
      </c>
    </row>
    <row r="2301" spans="1:4" x14ac:dyDescent="0.25">
      <c r="A2301" s="1">
        <v>41878</v>
      </c>
      <c r="B2301" s="2">
        <v>0.95086805555555554</v>
      </c>
      <c r="C2301">
        <v>151.91459999999998</v>
      </c>
      <c r="D2301">
        <v>303.82919999999996</v>
      </c>
    </row>
    <row r="2302" spans="1:4" x14ac:dyDescent="0.25">
      <c r="A2302" s="1">
        <v>41878</v>
      </c>
      <c r="B2302" s="2">
        <v>0.95351851851851854</v>
      </c>
      <c r="C2302">
        <v>151.98119999999997</v>
      </c>
      <c r="D2302">
        <v>303.96239999999995</v>
      </c>
    </row>
    <row r="2303" spans="1:4" x14ac:dyDescent="0.25">
      <c r="A2303" s="1">
        <v>41878</v>
      </c>
      <c r="B2303" s="2">
        <v>0.95612268518518517</v>
      </c>
      <c r="C2303">
        <v>152.0478</v>
      </c>
      <c r="D2303">
        <v>304.09559999999999</v>
      </c>
    </row>
    <row r="2304" spans="1:4" x14ac:dyDescent="0.25">
      <c r="A2304" s="1">
        <v>41878</v>
      </c>
      <c r="B2304" s="2">
        <v>0.95886574074074071</v>
      </c>
      <c r="C2304">
        <v>152.11439999999999</v>
      </c>
      <c r="D2304">
        <v>304.22879999999998</v>
      </c>
    </row>
    <row r="2305" spans="1:4" x14ac:dyDescent="0.25">
      <c r="A2305" s="1">
        <v>41878</v>
      </c>
      <c r="B2305" s="2">
        <v>0.96157407407407414</v>
      </c>
      <c r="C2305">
        <v>152.18100000000001</v>
      </c>
      <c r="D2305">
        <v>304.36200000000002</v>
      </c>
    </row>
    <row r="2306" spans="1:4" x14ac:dyDescent="0.25">
      <c r="A2306" s="1">
        <v>41878</v>
      </c>
      <c r="B2306" s="2">
        <v>0.9644328703703704</v>
      </c>
      <c r="C2306">
        <v>152.24759999999998</v>
      </c>
      <c r="D2306">
        <v>304.49519999999995</v>
      </c>
    </row>
    <row r="2307" spans="1:4" x14ac:dyDescent="0.25">
      <c r="A2307" s="1">
        <v>41878</v>
      </c>
      <c r="B2307" s="2">
        <v>0.96722222222222232</v>
      </c>
      <c r="C2307">
        <v>152.31419999999997</v>
      </c>
      <c r="D2307">
        <v>304.62839999999994</v>
      </c>
    </row>
    <row r="2308" spans="1:4" x14ac:dyDescent="0.25">
      <c r="A2308" s="1">
        <v>41878</v>
      </c>
      <c r="B2308" s="2">
        <v>0.97019675925925919</v>
      </c>
      <c r="C2308">
        <v>152.38079999999999</v>
      </c>
      <c r="D2308">
        <v>304.76159999999999</v>
      </c>
    </row>
    <row r="2309" spans="1:4" x14ac:dyDescent="0.25">
      <c r="A2309" s="1">
        <v>41878</v>
      </c>
      <c r="B2309" s="2">
        <v>0.97311342592592587</v>
      </c>
      <c r="C2309">
        <v>152.44739999999999</v>
      </c>
      <c r="D2309">
        <v>304.89479999999998</v>
      </c>
    </row>
    <row r="2310" spans="1:4" x14ac:dyDescent="0.25">
      <c r="A2310" s="1">
        <v>41878</v>
      </c>
      <c r="B2310" s="2">
        <v>0.97621527777777783</v>
      </c>
      <c r="C2310">
        <v>152.51400000000001</v>
      </c>
      <c r="D2310">
        <v>305.02800000000002</v>
      </c>
    </row>
    <row r="2311" spans="1:4" x14ac:dyDescent="0.25">
      <c r="A2311" s="1">
        <v>41878</v>
      </c>
      <c r="B2311" s="2">
        <v>0.97924768518518512</v>
      </c>
      <c r="C2311">
        <v>152.58059999999998</v>
      </c>
      <c r="D2311">
        <v>305.16119999999995</v>
      </c>
    </row>
    <row r="2312" spans="1:4" x14ac:dyDescent="0.25">
      <c r="A2312" s="1">
        <v>41878</v>
      </c>
      <c r="B2312" s="2">
        <v>0.98251157407407408</v>
      </c>
      <c r="C2312">
        <v>152.64719999999997</v>
      </c>
      <c r="D2312">
        <v>305.29439999999994</v>
      </c>
    </row>
    <row r="2313" spans="1:4" x14ac:dyDescent="0.25">
      <c r="A2313" s="1">
        <v>41878</v>
      </c>
      <c r="B2313" s="2">
        <v>0.98569444444444443</v>
      </c>
      <c r="C2313">
        <v>152.71379999999999</v>
      </c>
      <c r="D2313">
        <v>305.42759999999998</v>
      </c>
    </row>
    <row r="2314" spans="1:4" x14ac:dyDescent="0.25">
      <c r="A2314" s="1">
        <v>41878</v>
      </c>
      <c r="B2314" s="2">
        <v>0.98909722222222218</v>
      </c>
      <c r="C2314">
        <v>152.78039999999999</v>
      </c>
      <c r="D2314">
        <v>305.56079999999997</v>
      </c>
    </row>
    <row r="2315" spans="1:4" x14ac:dyDescent="0.25">
      <c r="A2315" s="1">
        <v>41878</v>
      </c>
      <c r="B2315" s="2">
        <v>0.99241898148148155</v>
      </c>
      <c r="C2315">
        <v>152.84700000000001</v>
      </c>
      <c r="D2315">
        <v>305.69400000000002</v>
      </c>
    </row>
    <row r="2316" spans="1:4" x14ac:dyDescent="0.25">
      <c r="A2316" s="1">
        <v>41878</v>
      </c>
      <c r="B2316" s="2">
        <v>0.99599537037037045</v>
      </c>
      <c r="C2316">
        <v>152.91359999999997</v>
      </c>
      <c r="D2316">
        <v>305.82719999999995</v>
      </c>
    </row>
    <row r="2317" spans="1:4" x14ac:dyDescent="0.25">
      <c r="A2317" s="1">
        <v>41878</v>
      </c>
      <c r="B2317" s="2">
        <v>0.9994791666666667</v>
      </c>
      <c r="C2317">
        <v>152.9802</v>
      </c>
      <c r="D2317">
        <v>305.96039999999999</v>
      </c>
    </row>
    <row r="2318" spans="1:4" x14ac:dyDescent="0.25">
      <c r="A2318" s="1">
        <v>41879</v>
      </c>
      <c r="B2318" s="2">
        <v>3.1828703703703702E-3</v>
      </c>
      <c r="C2318">
        <v>153.04679999999999</v>
      </c>
      <c r="D2318">
        <v>306.09359999999998</v>
      </c>
    </row>
    <row r="2319" spans="1:4" x14ac:dyDescent="0.25">
      <c r="A2319" s="1">
        <v>41879</v>
      </c>
      <c r="B2319" s="2">
        <v>6.7708333333333336E-3</v>
      </c>
      <c r="C2319">
        <v>153.11339999999998</v>
      </c>
      <c r="D2319">
        <v>306.22679999999997</v>
      </c>
    </row>
    <row r="2320" spans="1:4" x14ac:dyDescent="0.25">
      <c r="A2320" s="1">
        <v>41879</v>
      </c>
      <c r="B2320" s="2">
        <v>1.064814814814815E-2</v>
      </c>
      <c r="C2320">
        <v>153.18</v>
      </c>
      <c r="D2320">
        <v>306.36</v>
      </c>
    </row>
    <row r="2321" spans="1:4" x14ac:dyDescent="0.25">
      <c r="A2321" s="1">
        <v>41879</v>
      </c>
      <c r="B2321" s="2">
        <v>1.4374999999999999E-2</v>
      </c>
      <c r="C2321">
        <v>153.24659999999997</v>
      </c>
      <c r="D2321">
        <v>306.49319999999994</v>
      </c>
    </row>
    <row r="2322" spans="1:4" x14ac:dyDescent="0.25">
      <c r="A2322" s="1">
        <v>41879</v>
      </c>
      <c r="B2322" s="2">
        <v>1.8402777777777778E-2</v>
      </c>
      <c r="C2322">
        <v>153.31319999999999</v>
      </c>
      <c r="D2322">
        <v>306.62639999999999</v>
      </c>
    </row>
    <row r="2323" spans="1:4" x14ac:dyDescent="0.25">
      <c r="A2323" s="1">
        <v>41879</v>
      </c>
      <c r="B2323" s="2">
        <v>2.2314814814814815E-2</v>
      </c>
      <c r="C2323">
        <v>153.37979999999999</v>
      </c>
      <c r="D2323">
        <v>306.75959999999998</v>
      </c>
    </row>
    <row r="2324" spans="1:4" x14ac:dyDescent="0.25">
      <c r="A2324" s="1">
        <v>41879</v>
      </c>
      <c r="B2324" s="2">
        <v>2.6539351851851852E-2</v>
      </c>
      <c r="C2324">
        <v>153.44639999999998</v>
      </c>
      <c r="D2324">
        <v>306.89279999999997</v>
      </c>
    </row>
    <row r="2325" spans="1:4" x14ac:dyDescent="0.25">
      <c r="A2325" s="1">
        <v>41879</v>
      </c>
      <c r="B2325" s="2">
        <v>3.0636574074074076E-2</v>
      </c>
      <c r="C2325">
        <v>153.51300000000001</v>
      </c>
      <c r="D2325">
        <v>307.02600000000001</v>
      </c>
    </row>
    <row r="2326" spans="1:4" x14ac:dyDescent="0.25">
      <c r="A2326" s="1">
        <v>41879</v>
      </c>
      <c r="B2326" s="2">
        <v>3.5092592592592592E-2</v>
      </c>
      <c r="C2326">
        <v>153.57959999999997</v>
      </c>
      <c r="D2326">
        <v>307.15919999999994</v>
      </c>
    </row>
    <row r="2327" spans="1:4" x14ac:dyDescent="0.25">
      <c r="A2327" s="1">
        <v>41879</v>
      </c>
      <c r="B2327" s="2">
        <v>3.9409722222222221E-2</v>
      </c>
      <c r="C2327">
        <v>153.64619999999999</v>
      </c>
      <c r="D2327">
        <v>307.29239999999999</v>
      </c>
    </row>
    <row r="2328" spans="1:4" x14ac:dyDescent="0.25">
      <c r="A2328" s="1">
        <v>41879</v>
      </c>
      <c r="B2328" s="2">
        <v>4.4143518518518519E-2</v>
      </c>
      <c r="C2328">
        <v>153.71279999999999</v>
      </c>
      <c r="D2328">
        <v>307.42559999999997</v>
      </c>
    </row>
    <row r="2329" spans="1:4" x14ac:dyDescent="0.25">
      <c r="A2329" s="1">
        <v>41879</v>
      </c>
      <c r="B2329" s="2">
        <v>4.8738425925925921E-2</v>
      </c>
      <c r="C2329">
        <v>153.77939999999998</v>
      </c>
      <c r="D2329">
        <v>307.55879999999996</v>
      </c>
    </row>
    <row r="2330" spans="1:4" x14ac:dyDescent="0.25">
      <c r="A2330" s="1">
        <v>41879</v>
      </c>
      <c r="B2330" s="2">
        <v>5.3749999999999999E-2</v>
      </c>
      <c r="C2330">
        <v>153.846</v>
      </c>
      <c r="D2330">
        <v>307.69200000000001</v>
      </c>
    </row>
    <row r="2331" spans="1:4" x14ac:dyDescent="0.25">
      <c r="A2331" s="1">
        <v>41879</v>
      </c>
      <c r="B2331" s="2">
        <v>5.8576388888888886E-2</v>
      </c>
      <c r="C2331">
        <v>153.91259999999997</v>
      </c>
      <c r="D2331">
        <v>307.82519999999994</v>
      </c>
    </row>
    <row r="2332" spans="1:4" x14ac:dyDescent="0.25">
      <c r="A2332" s="1">
        <v>41879</v>
      </c>
      <c r="B2332" s="2">
        <v>6.3923611111111112E-2</v>
      </c>
      <c r="C2332">
        <v>153.97919999999999</v>
      </c>
      <c r="D2332">
        <v>307.95839999999998</v>
      </c>
    </row>
    <row r="2333" spans="1:4" x14ac:dyDescent="0.25">
      <c r="A2333" s="1">
        <v>41879</v>
      </c>
      <c r="B2333" s="2">
        <v>6.913194444444444E-2</v>
      </c>
      <c r="C2333">
        <v>154.04579999999999</v>
      </c>
      <c r="D2333">
        <v>308.09159999999997</v>
      </c>
    </row>
    <row r="2334" spans="1:4" x14ac:dyDescent="0.25">
      <c r="A2334" s="1">
        <v>41879</v>
      </c>
      <c r="B2334" s="2">
        <v>7.4861111111111114E-2</v>
      </c>
      <c r="C2334">
        <v>154.11240000000001</v>
      </c>
      <c r="D2334">
        <v>308.22480000000002</v>
      </c>
    </row>
    <row r="2335" spans="1:4" x14ac:dyDescent="0.25">
      <c r="A2335" s="1">
        <v>41879</v>
      </c>
      <c r="B2335" s="2">
        <v>8.037037037037037E-2</v>
      </c>
      <c r="C2335">
        <v>154.179</v>
      </c>
      <c r="D2335">
        <v>308.358</v>
      </c>
    </row>
    <row r="2336" spans="1:4" x14ac:dyDescent="0.25">
      <c r="A2336" s="1">
        <v>41879</v>
      </c>
      <c r="B2336" s="2">
        <v>8.6481481481481479E-2</v>
      </c>
      <c r="C2336">
        <v>154.24559999999997</v>
      </c>
      <c r="D2336">
        <v>308.49119999999994</v>
      </c>
    </row>
    <row r="2337" spans="1:4" x14ac:dyDescent="0.25">
      <c r="A2337" s="1">
        <v>41879</v>
      </c>
      <c r="B2337" s="2">
        <v>9.2430555555555557E-2</v>
      </c>
      <c r="C2337">
        <v>154.31219999999999</v>
      </c>
      <c r="D2337">
        <v>308.62439999999998</v>
      </c>
    </row>
    <row r="2338" spans="1:4" x14ac:dyDescent="0.25">
      <c r="A2338" s="1">
        <v>41879</v>
      </c>
      <c r="B2338" s="2">
        <v>9.9016203703703717E-2</v>
      </c>
      <c r="C2338">
        <v>154.37879999999998</v>
      </c>
      <c r="D2338">
        <v>308.75759999999997</v>
      </c>
    </row>
    <row r="2339" spans="1:4" x14ac:dyDescent="0.25">
      <c r="A2339" s="1">
        <v>41879</v>
      </c>
      <c r="B2339" s="2">
        <v>0.10533564814814815</v>
      </c>
      <c r="C2339">
        <v>154.44540000000001</v>
      </c>
      <c r="D2339">
        <v>308.89080000000001</v>
      </c>
    </row>
    <row r="2340" spans="1:4" x14ac:dyDescent="0.25">
      <c r="A2340" s="1">
        <v>41879</v>
      </c>
      <c r="B2340" s="2">
        <v>0.1124074074074074</v>
      </c>
      <c r="C2340">
        <v>154.512</v>
      </c>
      <c r="D2340">
        <v>309.024</v>
      </c>
    </row>
    <row r="2341" spans="1:4" x14ac:dyDescent="0.25">
      <c r="A2341" s="1">
        <v>41879</v>
      </c>
      <c r="B2341" s="2">
        <v>0.11917824074074074</v>
      </c>
      <c r="C2341">
        <v>154.57859999999997</v>
      </c>
      <c r="D2341">
        <v>309.15719999999993</v>
      </c>
    </row>
    <row r="2342" spans="1:4" x14ac:dyDescent="0.25">
      <c r="A2342" s="1">
        <v>41879</v>
      </c>
      <c r="B2342" s="2">
        <v>0.12680555555555556</v>
      </c>
      <c r="C2342">
        <v>154.64519999999999</v>
      </c>
      <c r="D2342">
        <v>309.29039999999998</v>
      </c>
    </row>
    <row r="2343" spans="1:4" x14ac:dyDescent="0.25">
      <c r="A2343" s="1">
        <v>41879</v>
      </c>
      <c r="B2343" s="2">
        <v>0.13407407407407407</v>
      </c>
      <c r="C2343">
        <v>154.71179999999998</v>
      </c>
      <c r="D2343">
        <v>309.42359999999996</v>
      </c>
    </row>
    <row r="2344" spans="1:4" x14ac:dyDescent="0.25">
      <c r="A2344" s="1">
        <v>41879</v>
      </c>
      <c r="B2344" s="2">
        <v>0.14221064814814816</v>
      </c>
      <c r="C2344">
        <v>154.7784</v>
      </c>
      <c r="D2344">
        <v>309.55680000000001</v>
      </c>
    </row>
    <row r="2345" spans="1:4" x14ac:dyDescent="0.25">
      <c r="A2345" s="1">
        <v>41879</v>
      </c>
      <c r="B2345" s="2">
        <v>0.15</v>
      </c>
      <c r="C2345">
        <v>154.845</v>
      </c>
      <c r="D2345">
        <v>309.69</v>
      </c>
    </row>
    <row r="2346" spans="1:4" x14ac:dyDescent="0.25">
      <c r="A2346" s="1">
        <v>41879</v>
      </c>
      <c r="B2346" s="2">
        <v>0.15866898148148148</v>
      </c>
      <c r="C2346">
        <v>154.91159999999996</v>
      </c>
      <c r="D2346">
        <v>309.82319999999993</v>
      </c>
    </row>
    <row r="2347" spans="1:4" x14ac:dyDescent="0.25">
      <c r="A2347" s="1">
        <v>41879</v>
      </c>
      <c r="B2347" s="2">
        <v>0.16703703703703701</v>
      </c>
      <c r="C2347">
        <v>154.97819999999999</v>
      </c>
      <c r="D2347">
        <v>309.95639999999997</v>
      </c>
    </row>
    <row r="2348" spans="1:4" x14ac:dyDescent="0.25">
      <c r="A2348" s="1">
        <v>41879</v>
      </c>
      <c r="B2348" s="2">
        <v>0.17636574074074074</v>
      </c>
      <c r="C2348">
        <v>155.04479999999998</v>
      </c>
      <c r="D2348">
        <v>310.08959999999996</v>
      </c>
    </row>
    <row r="2349" spans="1:4" x14ac:dyDescent="0.25">
      <c r="A2349" s="1">
        <v>41879</v>
      </c>
      <c r="B2349" s="2">
        <v>0.18534722222222222</v>
      </c>
      <c r="C2349">
        <v>155.1114</v>
      </c>
      <c r="D2349">
        <v>310.22280000000001</v>
      </c>
    </row>
    <row r="2350" spans="1:4" x14ac:dyDescent="0.25">
      <c r="A2350" s="1">
        <v>41879</v>
      </c>
      <c r="B2350" s="2">
        <v>0.19538194444444446</v>
      </c>
      <c r="C2350">
        <v>155.178</v>
      </c>
      <c r="D2350">
        <v>310.35599999999999</v>
      </c>
    </row>
    <row r="2351" spans="1:4" x14ac:dyDescent="0.25">
      <c r="A2351" s="1">
        <v>41879</v>
      </c>
      <c r="B2351" s="2">
        <v>0.20508101851851854</v>
      </c>
      <c r="C2351">
        <v>155.24459999999996</v>
      </c>
      <c r="D2351">
        <v>310.48919999999993</v>
      </c>
    </row>
    <row r="2352" spans="1:4" x14ac:dyDescent="0.25">
      <c r="A2352" s="1">
        <v>41879</v>
      </c>
      <c r="B2352" s="2">
        <v>0.21579861111111109</v>
      </c>
      <c r="C2352">
        <v>155.31119999999999</v>
      </c>
      <c r="D2352">
        <v>310.62239999999997</v>
      </c>
    </row>
    <row r="2353" spans="1:4" x14ac:dyDescent="0.25">
      <c r="A2353" s="1">
        <v>41879</v>
      </c>
      <c r="B2353" s="2">
        <v>0.22621527777777775</v>
      </c>
      <c r="C2353">
        <v>155.37779999999998</v>
      </c>
      <c r="D2353">
        <v>310.75559999999996</v>
      </c>
    </row>
    <row r="2354" spans="1:4" x14ac:dyDescent="0.25">
      <c r="A2354" s="1">
        <v>41879</v>
      </c>
      <c r="B2354" s="2">
        <v>0.23783564814814814</v>
      </c>
      <c r="C2354">
        <v>155.4444</v>
      </c>
      <c r="D2354">
        <v>310.8888</v>
      </c>
    </row>
    <row r="2355" spans="1:4" x14ac:dyDescent="0.25">
      <c r="A2355" s="1">
        <v>41879</v>
      </c>
      <c r="B2355" s="2">
        <v>0.24908564814814815</v>
      </c>
      <c r="C2355">
        <v>155.511</v>
      </c>
      <c r="D2355">
        <v>311.02199999999999</v>
      </c>
    </row>
    <row r="2356" spans="1:4" x14ac:dyDescent="0.25">
      <c r="A2356" s="1">
        <v>41879</v>
      </c>
      <c r="B2356" s="2">
        <v>0.26143518518518521</v>
      </c>
      <c r="C2356">
        <v>155.57759999999999</v>
      </c>
      <c r="D2356">
        <v>311.15519999999998</v>
      </c>
    </row>
    <row r="2357" spans="1:4" x14ac:dyDescent="0.25">
      <c r="A2357" s="1">
        <v>41879</v>
      </c>
      <c r="B2357" s="2">
        <v>0.27329861111111109</v>
      </c>
      <c r="C2357">
        <v>155.64419999999998</v>
      </c>
      <c r="D2357">
        <v>311.28839999999997</v>
      </c>
    </row>
    <row r="2358" spans="1:4" x14ac:dyDescent="0.25">
      <c r="A2358" s="1">
        <v>41879</v>
      </c>
      <c r="B2358" s="2">
        <v>0.28642361111111109</v>
      </c>
      <c r="C2358">
        <v>155.71079999999998</v>
      </c>
      <c r="D2358">
        <v>311.42159999999996</v>
      </c>
    </row>
    <row r="2359" spans="1:4" x14ac:dyDescent="0.25">
      <c r="A2359" s="1">
        <v>41879</v>
      </c>
      <c r="B2359" s="2">
        <v>0.29902777777777778</v>
      </c>
      <c r="C2359">
        <v>155.7774</v>
      </c>
      <c r="D2359">
        <v>311.5548</v>
      </c>
    </row>
    <row r="2360" spans="1:4" x14ac:dyDescent="0.25">
      <c r="A2360" s="1">
        <v>41879</v>
      </c>
      <c r="B2360" s="2">
        <v>0.31296296296296294</v>
      </c>
      <c r="C2360">
        <v>155.84399999999999</v>
      </c>
      <c r="D2360">
        <v>311.68799999999999</v>
      </c>
    </row>
    <row r="2361" spans="1:4" x14ac:dyDescent="0.25">
      <c r="A2361" s="1">
        <v>41879</v>
      </c>
      <c r="B2361" s="2">
        <v>0.32649305555555558</v>
      </c>
      <c r="C2361">
        <v>155.91059999999999</v>
      </c>
      <c r="D2361">
        <v>311.82119999999998</v>
      </c>
    </row>
    <row r="2362" spans="1:4" x14ac:dyDescent="0.25">
      <c r="A2362" s="1">
        <v>41879</v>
      </c>
      <c r="B2362" s="2">
        <v>0.34130787037037041</v>
      </c>
      <c r="C2362">
        <v>155.97719999999998</v>
      </c>
      <c r="D2362">
        <v>311.95439999999996</v>
      </c>
    </row>
    <row r="2363" spans="1:4" x14ac:dyDescent="0.25">
      <c r="A2363" s="1">
        <v>41879</v>
      </c>
      <c r="B2363" s="2">
        <v>0.35614583333333333</v>
      </c>
      <c r="C2363">
        <v>156.04379999999998</v>
      </c>
      <c r="D2363">
        <v>312.08759999999995</v>
      </c>
    </row>
    <row r="2364" spans="1:4" x14ac:dyDescent="0.25">
      <c r="A2364" s="1">
        <v>41879</v>
      </c>
      <c r="B2364" s="2">
        <v>0.37226851851851855</v>
      </c>
      <c r="C2364">
        <v>156.1104</v>
      </c>
      <c r="D2364">
        <v>312.2208</v>
      </c>
    </row>
    <row r="2365" spans="1:4" x14ac:dyDescent="0.25">
      <c r="A2365" s="1">
        <v>41879</v>
      </c>
      <c r="B2365" s="2">
        <v>0.38841435185185186</v>
      </c>
      <c r="C2365">
        <v>156.17699999999999</v>
      </c>
      <c r="D2365">
        <v>312.35399999999998</v>
      </c>
    </row>
    <row r="2366" spans="1:4" x14ac:dyDescent="0.25">
      <c r="A2366" s="1">
        <v>41879</v>
      </c>
      <c r="B2366" s="2">
        <v>0.40593750000000001</v>
      </c>
      <c r="C2366">
        <v>156.24359999999999</v>
      </c>
      <c r="D2366">
        <v>312.48719999999997</v>
      </c>
    </row>
    <row r="2367" spans="1:4" x14ac:dyDescent="0.25">
      <c r="A2367" s="1">
        <v>41879</v>
      </c>
      <c r="B2367" s="2">
        <v>0.42325231481481485</v>
      </c>
      <c r="C2367">
        <v>156.31019999999998</v>
      </c>
      <c r="D2367">
        <v>312.62039999999996</v>
      </c>
    </row>
    <row r="2368" spans="1:4" x14ac:dyDescent="0.25">
      <c r="A2368" s="1">
        <v>41879</v>
      </c>
      <c r="B2368" s="2">
        <v>0.44197916666666665</v>
      </c>
      <c r="C2368">
        <v>156.37679999999997</v>
      </c>
      <c r="D2368">
        <v>312.75359999999995</v>
      </c>
    </row>
    <row r="2369" spans="1:4" x14ac:dyDescent="0.25">
      <c r="A2369" s="1">
        <v>41879</v>
      </c>
      <c r="B2369" s="2">
        <v>0.46056712962962965</v>
      </c>
      <c r="C2369">
        <v>156.4434</v>
      </c>
      <c r="D2369">
        <v>312.88679999999999</v>
      </c>
    </row>
    <row r="2370" spans="1:4" x14ac:dyDescent="0.25">
      <c r="A2370" s="1">
        <v>41879</v>
      </c>
      <c r="B2370" s="2">
        <v>0.48062500000000002</v>
      </c>
      <c r="C2370">
        <v>156.51</v>
      </c>
      <c r="D2370">
        <v>313.02</v>
      </c>
    </row>
    <row r="2371" spans="1:4" x14ac:dyDescent="0.25">
      <c r="A2371" s="1">
        <v>41879</v>
      </c>
      <c r="B2371" s="2">
        <v>0.50057870370370372</v>
      </c>
      <c r="C2371">
        <v>156.57659999999998</v>
      </c>
      <c r="D2371">
        <v>313.15319999999997</v>
      </c>
    </row>
    <row r="2372" spans="1:4" x14ac:dyDescent="0.25">
      <c r="A2372" s="1">
        <v>41879</v>
      </c>
      <c r="B2372" s="2">
        <v>0.52202546296296293</v>
      </c>
      <c r="C2372">
        <v>156.64319999999998</v>
      </c>
      <c r="D2372">
        <v>313.28639999999996</v>
      </c>
    </row>
    <row r="2373" spans="1:4" x14ac:dyDescent="0.25">
      <c r="A2373" s="1">
        <v>41879</v>
      </c>
      <c r="B2373" s="2">
        <v>0.54361111111111116</v>
      </c>
      <c r="C2373">
        <v>156.7098</v>
      </c>
      <c r="D2373">
        <v>313.4196</v>
      </c>
    </row>
    <row r="2374" spans="1:4" x14ac:dyDescent="0.25">
      <c r="A2374" s="1">
        <v>41879</v>
      </c>
      <c r="B2374" s="2">
        <v>0.56649305555555551</v>
      </c>
      <c r="C2374">
        <v>156.7764</v>
      </c>
      <c r="D2374">
        <v>313.55279999999999</v>
      </c>
    </row>
    <row r="2375" spans="1:4" x14ac:dyDescent="0.25">
      <c r="A2375" s="1">
        <v>41879</v>
      </c>
      <c r="B2375" s="2">
        <v>0.58975694444444449</v>
      </c>
      <c r="C2375">
        <v>156.84299999999999</v>
      </c>
      <c r="D2375">
        <v>313.68599999999998</v>
      </c>
    </row>
    <row r="2376" spans="1:4" x14ac:dyDescent="0.25">
      <c r="A2376" s="1">
        <v>41879</v>
      </c>
      <c r="B2376" s="2">
        <v>0.61461805555555549</v>
      </c>
      <c r="C2376">
        <v>156.90959999999998</v>
      </c>
      <c r="D2376">
        <v>313.81919999999997</v>
      </c>
    </row>
    <row r="2377" spans="1:4" x14ac:dyDescent="0.25">
      <c r="A2377" s="1">
        <v>41879</v>
      </c>
      <c r="B2377" s="2">
        <v>0.63975694444444442</v>
      </c>
      <c r="C2377">
        <v>156.97619999999998</v>
      </c>
      <c r="D2377">
        <v>313.95239999999995</v>
      </c>
    </row>
    <row r="2378" spans="1:4" x14ac:dyDescent="0.25">
      <c r="A2378" s="1">
        <v>41879</v>
      </c>
      <c r="B2378" s="2">
        <v>0.66642361111111115</v>
      </c>
      <c r="C2378">
        <v>157.0428</v>
      </c>
      <c r="D2378">
        <v>314.0856</v>
      </c>
    </row>
    <row r="2379" spans="1:4" x14ac:dyDescent="0.25">
      <c r="A2379" s="1">
        <v>41879</v>
      </c>
      <c r="B2379" s="2">
        <v>0.693425925925926</v>
      </c>
      <c r="C2379">
        <v>157.10939999999999</v>
      </c>
      <c r="D2379">
        <v>314.21879999999999</v>
      </c>
    </row>
    <row r="2380" spans="1:4" x14ac:dyDescent="0.25">
      <c r="A2380" s="1">
        <v>41879</v>
      </c>
      <c r="B2380" s="2">
        <v>0.72225694444444455</v>
      </c>
      <c r="C2380">
        <v>157.17599999999999</v>
      </c>
      <c r="D2380">
        <v>314.35199999999998</v>
      </c>
    </row>
    <row r="2381" spans="1:4" x14ac:dyDescent="0.25">
      <c r="A2381" s="1">
        <v>41879</v>
      </c>
      <c r="B2381" s="2">
        <v>0.75179398148148147</v>
      </c>
      <c r="C2381">
        <v>157.24259999999998</v>
      </c>
      <c r="D2381">
        <v>314.48519999999996</v>
      </c>
    </row>
    <row r="2382" spans="1:4" x14ac:dyDescent="0.25">
      <c r="A2382" s="1">
        <v>41879</v>
      </c>
      <c r="B2382" s="2">
        <v>0.78377314814814814</v>
      </c>
      <c r="C2382">
        <v>157.30919999999998</v>
      </c>
      <c r="D2382">
        <v>314.61839999999995</v>
      </c>
    </row>
    <row r="2383" spans="1:4" x14ac:dyDescent="0.25">
      <c r="A2383" s="1">
        <v>41879</v>
      </c>
      <c r="B2383" s="2">
        <v>0.81606481481481474</v>
      </c>
      <c r="C2383">
        <v>157.3758</v>
      </c>
      <c r="D2383">
        <v>314.7516</v>
      </c>
    </row>
    <row r="2384" spans="1:4" x14ac:dyDescent="0.25">
      <c r="A2384" s="1">
        <v>41879</v>
      </c>
      <c r="B2384" s="2">
        <v>0.85153935185185192</v>
      </c>
      <c r="C2384">
        <v>157.44239999999999</v>
      </c>
      <c r="D2384">
        <v>314.88479999999998</v>
      </c>
    </row>
    <row r="2385" spans="1:4" x14ac:dyDescent="0.25">
      <c r="A2385" s="1">
        <v>41879</v>
      </c>
      <c r="B2385" s="2">
        <v>0.88615740740740734</v>
      </c>
      <c r="C2385">
        <v>157.50899999999999</v>
      </c>
      <c r="D2385">
        <v>315.01799999999997</v>
      </c>
    </row>
    <row r="2386" spans="1:4" x14ac:dyDescent="0.25">
      <c r="A2386" s="1">
        <v>41879</v>
      </c>
      <c r="B2386" s="2">
        <v>0.9243055555555556</v>
      </c>
      <c r="C2386">
        <v>157.57559999999998</v>
      </c>
      <c r="D2386">
        <v>315.15119999999996</v>
      </c>
    </row>
    <row r="2387" spans="1:4" x14ac:dyDescent="0.25">
      <c r="A2387" s="1">
        <v>41879</v>
      </c>
      <c r="B2387" s="2">
        <v>0.96287037037037038</v>
      </c>
      <c r="C2387">
        <v>157.64219999999997</v>
      </c>
      <c r="D2387">
        <v>315.28439999999995</v>
      </c>
    </row>
    <row r="2388" spans="1:4" x14ac:dyDescent="0.25">
      <c r="A2388" s="1">
        <v>41880</v>
      </c>
      <c r="B2388" s="2">
        <v>4.2245370370370371E-3</v>
      </c>
      <c r="C2388">
        <v>157.7088</v>
      </c>
      <c r="D2388">
        <v>315.41759999999999</v>
      </c>
    </row>
    <row r="2389" spans="1:4" x14ac:dyDescent="0.25">
      <c r="A2389" s="1">
        <v>41880</v>
      </c>
      <c r="B2389" s="2">
        <v>4.5891203703703705E-2</v>
      </c>
      <c r="C2389">
        <v>157.77539999999999</v>
      </c>
      <c r="D2389">
        <v>315.55079999999998</v>
      </c>
    </row>
    <row r="2390" spans="1:4" x14ac:dyDescent="0.25">
      <c r="A2390" s="1">
        <v>41880</v>
      </c>
      <c r="B2390" s="2">
        <v>9.0381944444444431E-2</v>
      </c>
      <c r="C2390">
        <v>157.84200000000001</v>
      </c>
      <c r="D2390">
        <v>315.68400000000003</v>
      </c>
    </row>
    <row r="2391" spans="1:4" x14ac:dyDescent="0.25">
      <c r="A2391" s="1">
        <v>41880</v>
      </c>
      <c r="B2391" s="2">
        <v>0.13399305555555555</v>
      </c>
      <c r="C2391">
        <v>157.90859999999998</v>
      </c>
      <c r="D2391">
        <v>315.81719999999996</v>
      </c>
    </row>
    <row r="2392" spans="1:4" x14ac:dyDescent="0.25">
      <c r="A2392" s="1">
        <v>41880</v>
      </c>
      <c r="B2392" s="2">
        <v>0.18210648148148148</v>
      </c>
      <c r="C2392">
        <v>157.97519999999997</v>
      </c>
      <c r="D2392">
        <v>315.95039999999995</v>
      </c>
    </row>
    <row r="2393" spans="1:4" x14ac:dyDescent="0.25">
      <c r="A2393" s="1">
        <v>41880</v>
      </c>
      <c r="B2393" s="2">
        <v>0.23115740740740742</v>
      </c>
      <c r="C2393">
        <v>158.04179999999999</v>
      </c>
      <c r="D2393">
        <v>316.08359999999999</v>
      </c>
    </row>
    <row r="2394" spans="1:4" x14ac:dyDescent="0.25">
      <c r="A2394" s="1">
        <v>41880</v>
      </c>
      <c r="B2394" s="2">
        <v>0.28467592592592594</v>
      </c>
      <c r="C2394">
        <v>158.10839999999999</v>
      </c>
      <c r="D2394">
        <v>316.21679999999998</v>
      </c>
    </row>
    <row r="2395" spans="1:4" x14ac:dyDescent="0.25">
      <c r="A2395" s="1">
        <v>41880</v>
      </c>
      <c r="B2395" s="2">
        <v>0.33810185185185188</v>
      </c>
      <c r="C2395">
        <v>158.17500000000001</v>
      </c>
      <c r="D2395">
        <v>316.35000000000002</v>
      </c>
    </row>
    <row r="2396" spans="1:4" x14ac:dyDescent="0.25">
      <c r="A2396" s="1">
        <v>41880</v>
      </c>
      <c r="B2396" s="2">
        <v>0.39515046296296297</v>
      </c>
      <c r="C2396">
        <v>158.24159999999998</v>
      </c>
      <c r="D2396">
        <v>316.48319999999995</v>
      </c>
    </row>
    <row r="2397" spans="1:4" x14ac:dyDescent="0.25">
      <c r="A2397" s="1">
        <v>41880</v>
      </c>
      <c r="B2397" s="2">
        <v>0.45407407407407407</v>
      </c>
      <c r="C2397">
        <v>158.30819999999997</v>
      </c>
      <c r="D2397">
        <v>316.61639999999994</v>
      </c>
    </row>
    <row r="2398" spans="1:4" x14ac:dyDescent="0.25">
      <c r="A2398" s="1">
        <v>41880</v>
      </c>
      <c r="B2398" s="2">
        <v>0.51527777777777783</v>
      </c>
      <c r="C2398">
        <v>158.37479999999999</v>
      </c>
      <c r="D2398">
        <v>316.74959999999999</v>
      </c>
    </row>
    <row r="2399" spans="1:4" x14ac:dyDescent="0.25">
      <c r="A2399" s="1">
        <v>41880</v>
      </c>
      <c r="B2399" s="2">
        <v>0.57824074074074072</v>
      </c>
      <c r="C2399">
        <v>158.44139999999999</v>
      </c>
      <c r="D2399">
        <v>316.88279999999997</v>
      </c>
    </row>
    <row r="2400" spans="1:4" x14ac:dyDescent="0.25">
      <c r="A2400" s="1">
        <v>41880</v>
      </c>
      <c r="B2400" s="2">
        <v>0.64543981481481483</v>
      </c>
      <c r="C2400">
        <v>158.50800000000001</v>
      </c>
      <c r="D2400">
        <v>317.01600000000002</v>
      </c>
    </row>
    <row r="2401" spans="1:4" x14ac:dyDescent="0.25">
      <c r="A2401" s="1">
        <v>41880</v>
      </c>
      <c r="B2401" s="2">
        <v>0.71743055555555557</v>
      </c>
      <c r="C2401">
        <v>158.57459999999998</v>
      </c>
      <c r="D2401">
        <v>317.14919999999995</v>
      </c>
    </row>
    <row r="2402" spans="1:4" x14ac:dyDescent="0.25">
      <c r="A2402" s="1">
        <v>41880</v>
      </c>
      <c r="B2402" s="2">
        <v>0.79689814814814808</v>
      </c>
      <c r="C2402">
        <v>158.64119999999997</v>
      </c>
      <c r="D2402">
        <v>317.28239999999994</v>
      </c>
    </row>
    <row r="2403" spans="1:4" x14ac:dyDescent="0.25">
      <c r="A2403" s="1">
        <v>41880</v>
      </c>
      <c r="B2403" s="2">
        <v>0.88236111111111104</v>
      </c>
      <c r="C2403">
        <v>158.70779999999999</v>
      </c>
      <c r="D2403">
        <v>317.41559999999998</v>
      </c>
    </row>
    <row r="2404" spans="1:4" x14ac:dyDescent="0.25">
      <c r="A2404" s="1">
        <v>41880</v>
      </c>
      <c r="B2404" s="2">
        <v>0.9783680555555555</v>
      </c>
      <c r="C2404">
        <v>158.77439999999999</v>
      </c>
      <c r="D2404">
        <v>317.54879999999997</v>
      </c>
    </row>
    <row r="2405" spans="1:4" x14ac:dyDescent="0.25">
      <c r="A2405" s="1">
        <v>41881</v>
      </c>
      <c r="B2405" s="2">
        <v>7.3402777777777775E-2</v>
      </c>
      <c r="C2405">
        <v>158.84100000000001</v>
      </c>
      <c r="D2405">
        <v>317.68200000000002</v>
      </c>
    </row>
    <row r="2406" spans="1:4" x14ac:dyDescent="0.25">
      <c r="A2406" s="1">
        <v>41881</v>
      </c>
      <c r="B2406" s="2">
        <v>0.17487268518518517</v>
      </c>
      <c r="C2406">
        <v>158.90759999999997</v>
      </c>
      <c r="D2406">
        <v>317.81519999999995</v>
      </c>
    </row>
    <row r="2407" spans="1:4" x14ac:dyDescent="0.25">
      <c r="A2407" s="1">
        <v>41881</v>
      </c>
      <c r="B2407" s="2">
        <v>0.2751851851851852</v>
      </c>
      <c r="C2407">
        <v>158.9742</v>
      </c>
      <c r="D2407">
        <v>317.94839999999999</v>
      </c>
    </row>
    <row r="2408" spans="1:4" x14ac:dyDescent="0.25">
      <c r="A2408" s="1">
        <v>41881</v>
      </c>
      <c r="B2408" s="2">
        <v>0.38461805555555556</v>
      </c>
      <c r="C2408">
        <v>159.04079999999999</v>
      </c>
      <c r="D2408">
        <v>318.08159999999998</v>
      </c>
    </row>
    <row r="2409" spans="1:4" x14ac:dyDescent="0.25">
      <c r="A2409" s="1">
        <v>41881</v>
      </c>
      <c r="B2409" s="2">
        <v>0.49313657407407407</v>
      </c>
      <c r="C2409">
        <v>159.10739999999998</v>
      </c>
      <c r="D2409">
        <v>318.21479999999997</v>
      </c>
    </row>
    <row r="2410" spans="1:4" x14ac:dyDescent="0.25">
      <c r="A2410" s="1">
        <v>41881</v>
      </c>
      <c r="B2410" s="2">
        <v>0.60554398148148147</v>
      </c>
      <c r="C2410">
        <v>159.17400000000001</v>
      </c>
      <c r="D2410">
        <v>318.34800000000001</v>
      </c>
    </row>
    <row r="2411" spans="1:4" x14ac:dyDescent="0.25">
      <c r="A2411" s="1">
        <v>41881</v>
      </c>
      <c r="B2411" s="2">
        <v>0.72298611111111111</v>
      </c>
      <c r="C2411">
        <v>159.24059999999997</v>
      </c>
      <c r="D2411">
        <v>318.48119999999994</v>
      </c>
    </row>
    <row r="2412" spans="1:4" x14ac:dyDescent="0.25">
      <c r="A2412" s="1">
        <v>41881</v>
      </c>
      <c r="B2412" s="2">
        <v>0.85701388888888896</v>
      </c>
      <c r="C2412">
        <v>159.30719999999999</v>
      </c>
      <c r="D2412">
        <v>318.61439999999999</v>
      </c>
    </row>
    <row r="2413" spans="1:4" x14ac:dyDescent="0.25">
      <c r="A2413" s="1">
        <v>41881</v>
      </c>
      <c r="B2413" s="2">
        <v>0.99398148148148147</v>
      </c>
      <c r="C2413">
        <v>159.37379999999999</v>
      </c>
      <c r="D2413">
        <v>318.74759999999998</v>
      </c>
    </row>
    <row r="2414" spans="1:4" x14ac:dyDescent="0.25">
      <c r="A2414" s="1">
        <v>41882</v>
      </c>
      <c r="B2414" s="2">
        <v>0.14962962962962964</v>
      </c>
      <c r="C2414">
        <v>159.44039999999998</v>
      </c>
      <c r="D2414">
        <v>318.88079999999997</v>
      </c>
    </row>
    <row r="2415" spans="1:4" x14ac:dyDescent="0.25">
      <c r="A2415" s="1">
        <v>41882</v>
      </c>
      <c r="B2415" s="2">
        <v>0.29401620370370368</v>
      </c>
      <c r="C2415">
        <v>159.50700000000001</v>
      </c>
      <c r="D2415">
        <v>319.01400000000001</v>
      </c>
    </row>
    <row r="2416" spans="1:4" x14ac:dyDescent="0.25">
      <c r="A2416" s="1">
        <v>41882</v>
      </c>
      <c r="B2416" s="2">
        <v>0.45768518518518514</v>
      </c>
      <c r="C2416">
        <v>159.57359999999997</v>
      </c>
      <c r="D2416">
        <v>319.14719999999994</v>
      </c>
    </row>
    <row r="2417" spans="1:4" x14ac:dyDescent="0.25">
      <c r="A2417" s="1">
        <v>41882</v>
      </c>
      <c r="B2417" s="2">
        <v>0.61557870370370371</v>
      </c>
      <c r="C2417">
        <v>159.64019999999999</v>
      </c>
      <c r="D2417">
        <v>319.28039999999999</v>
      </c>
    </row>
    <row r="2418" spans="1:4" x14ac:dyDescent="0.25">
      <c r="A2418" s="1">
        <v>41882</v>
      </c>
      <c r="B2418" s="2">
        <v>0.79158564814814814</v>
      </c>
      <c r="C2418">
        <v>159.70679999999999</v>
      </c>
      <c r="D2418">
        <v>319.41359999999997</v>
      </c>
    </row>
    <row r="2419" spans="1:4" x14ac:dyDescent="0.25">
      <c r="A2419" s="1">
        <v>41882</v>
      </c>
      <c r="B2419" s="2">
        <v>0.97138888888888886</v>
      </c>
      <c r="C2419">
        <v>159.77339999999998</v>
      </c>
      <c r="D2419">
        <v>319.54679999999996</v>
      </c>
    </row>
    <row r="2420" spans="1:4" x14ac:dyDescent="0.25">
      <c r="A2420" s="1">
        <v>41883</v>
      </c>
      <c r="B2420" s="2">
        <v>7.4837962962962967E-2</v>
      </c>
      <c r="C2420">
        <v>159.84</v>
      </c>
      <c r="D2420">
        <v>319.68</v>
      </c>
    </row>
    <row r="2421" spans="1:4" x14ac:dyDescent="0.25">
      <c r="A2421" s="1">
        <v>41883</v>
      </c>
      <c r="B2421" s="2">
        <v>9.346064814814814E-2</v>
      </c>
      <c r="C2421">
        <v>159.90659999999997</v>
      </c>
      <c r="D2421">
        <v>319.81319999999994</v>
      </c>
    </row>
    <row r="2422" spans="1:4" x14ac:dyDescent="0.25">
      <c r="A2422" s="1">
        <v>41883</v>
      </c>
      <c r="B2422" s="2">
        <v>0.11100694444444444</v>
      </c>
      <c r="C2422">
        <v>159.97319999999999</v>
      </c>
      <c r="D2422">
        <v>319.94639999999998</v>
      </c>
    </row>
    <row r="2423" spans="1:4" x14ac:dyDescent="0.25">
      <c r="A2423" s="1">
        <v>41883</v>
      </c>
      <c r="B2423" s="2">
        <v>0.12871527777777778</v>
      </c>
      <c r="C2423">
        <v>160.03979999999999</v>
      </c>
      <c r="D2423">
        <v>320.07959999999997</v>
      </c>
    </row>
    <row r="2424" spans="1:4" x14ac:dyDescent="0.25">
      <c r="A2424" s="1">
        <v>41883</v>
      </c>
      <c r="B2424" s="2">
        <v>0.14130787037037038</v>
      </c>
      <c r="C2424">
        <v>160.10640000000001</v>
      </c>
      <c r="D2424">
        <v>320.21280000000002</v>
      </c>
    </row>
    <row r="2425" spans="1:4" x14ac:dyDescent="0.25">
      <c r="A2425" s="1">
        <v>41883</v>
      </c>
      <c r="B2425" s="2">
        <v>0.14774305555555556</v>
      </c>
      <c r="C2425">
        <v>160.173</v>
      </c>
      <c r="D2425">
        <v>320.346</v>
      </c>
    </row>
    <row r="2426" spans="1:4" x14ac:dyDescent="0.25">
      <c r="A2426" s="1">
        <v>41883</v>
      </c>
      <c r="B2426" s="2">
        <v>0.1517361111111111</v>
      </c>
      <c r="C2426">
        <v>160.23959999999997</v>
      </c>
      <c r="D2426">
        <v>320.47919999999993</v>
      </c>
    </row>
    <row r="2427" spans="1:4" x14ac:dyDescent="0.25">
      <c r="A2427" s="1">
        <v>41883</v>
      </c>
      <c r="B2427" s="2">
        <v>0.15465277777777778</v>
      </c>
      <c r="C2427">
        <v>160.30619999999999</v>
      </c>
      <c r="D2427">
        <v>320.61239999999998</v>
      </c>
    </row>
    <row r="2428" spans="1:4" x14ac:dyDescent="0.25">
      <c r="A2428" s="1">
        <v>41883</v>
      </c>
      <c r="B2428" s="2">
        <v>0.15692129629629628</v>
      </c>
      <c r="C2428">
        <v>160.37279999999998</v>
      </c>
      <c r="D2428">
        <v>320.74559999999997</v>
      </c>
    </row>
    <row r="2429" spans="1:4" x14ac:dyDescent="0.25">
      <c r="A2429" s="1">
        <v>41883</v>
      </c>
      <c r="B2429" s="2">
        <v>0.15880787037037036</v>
      </c>
      <c r="C2429">
        <v>160.43940000000001</v>
      </c>
      <c r="D2429">
        <v>320.87880000000001</v>
      </c>
    </row>
    <row r="2430" spans="1:4" x14ac:dyDescent="0.25">
      <c r="A2430" s="1">
        <v>41883</v>
      </c>
      <c r="B2430" s="2">
        <v>0.16056712962962963</v>
      </c>
      <c r="C2430">
        <v>160.506</v>
      </c>
      <c r="D2430">
        <v>321.012</v>
      </c>
    </row>
    <row r="2431" spans="1:4" x14ac:dyDescent="0.25">
      <c r="A2431" s="1">
        <v>41883</v>
      </c>
      <c r="B2431" s="2">
        <v>0.16216435185185185</v>
      </c>
      <c r="C2431">
        <v>160.57259999999997</v>
      </c>
      <c r="D2431">
        <v>321.14519999999993</v>
      </c>
    </row>
    <row r="2432" spans="1:4" x14ac:dyDescent="0.25">
      <c r="A2432" s="1">
        <v>41883</v>
      </c>
      <c r="B2432" s="2">
        <v>0.16366898148148148</v>
      </c>
      <c r="C2432">
        <v>160.63919999999999</v>
      </c>
      <c r="D2432">
        <v>321.27839999999998</v>
      </c>
    </row>
    <row r="2433" spans="1:4" x14ac:dyDescent="0.25">
      <c r="A2433" s="1">
        <v>41883</v>
      </c>
      <c r="B2433" s="2">
        <v>0.16506944444444446</v>
      </c>
      <c r="C2433">
        <v>160.70579999999998</v>
      </c>
      <c r="D2433">
        <v>321.41159999999996</v>
      </c>
    </row>
    <row r="2434" spans="1:4" x14ac:dyDescent="0.25">
      <c r="A2434" s="1">
        <v>41883</v>
      </c>
      <c r="B2434" s="2">
        <v>0.16642361111111112</v>
      </c>
      <c r="C2434">
        <v>160.7724</v>
      </c>
      <c r="D2434">
        <v>321.54480000000001</v>
      </c>
    </row>
    <row r="2435" spans="1:4" x14ac:dyDescent="0.25">
      <c r="A2435" s="1">
        <v>41883</v>
      </c>
      <c r="B2435" s="2">
        <v>0.16773148148148151</v>
      </c>
      <c r="C2435">
        <v>160.839</v>
      </c>
      <c r="D2435">
        <v>321.678</v>
      </c>
    </row>
    <row r="2436" spans="1:4" x14ac:dyDescent="0.25">
      <c r="A2436" s="1">
        <v>41883</v>
      </c>
      <c r="B2436" s="2">
        <v>0.16901620370370371</v>
      </c>
      <c r="C2436">
        <v>160.90559999999996</v>
      </c>
      <c r="D2436">
        <v>321.81119999999993</v>
      </c>
    </row>
    <row r="2437" spans="1:4" x14ac:dyDescent="0.25">
      <c r="A2437" s="1">
        <v>41883</v>
      </c>
      <c r="B2437" s="2">
        <v>0.17025462962962964</v>
      </c>
      <c r="C2437">
        <v>160.97219999999999</v>
      </c>
      <c r="D2437">
        <v>321.94439999999997</v>
      </c>
    </row>
    <row r="2438" spans="1:4" x14ac:dyDescent="0.25">
      <c r="A2438" s="1">
        <v>41883</v>
      </c>
      <c r="B2438" s="2">
        <v>0.17145833333333335</v>
      </c>
      <c r="C2438">
        <v>161.03879999999998</v>
      </c>
      <c r="D2438">
        <v>322.07759999999996</v>
      </c>
    </row>
    <row r="2439" spans="1:4" x14ac:dyDescent="0.25">
      <c r="A2439" s="1">
        <v>41883</v>
      </c>
      <c r="B2439" s="2">
        <v>0.17260416666666667</v>
      </c>
      <c r="C2439">
        <v>161.1054</v>
      </c>
      <c r="D2439">
        <v>322.21080000000001</v>
      </c>
    </row>
    <row r="2440" spans="1:4" x14ac:dyDescent="0.25">
      <c r="A2440" s="1">
        <v>41883</v>
      </c>
      <c r="B2440" s="2">
        <v>0.17371527777777776</v>
      </c>
      <c r="C2440">
        <v>161.172</v>
      </c>
      <c r="D2440">
        <v>322.34399999999999</v>
      </c>
    </row>
    <row r="2441" spans="1:4" x14ac:dyDescent="0.25">
      <c r="A2441" s="1">
        <v>41883</v>
      </c>
      <c r="B2441" s="2">
        <v>0.17475694444444445</v>
      </c>
      <c r="C2441">
        <v>161.23859999999996</v>
      </c>
      <c r="D2441">
        <v>322.47719999999993</v>
      </c>
    </row>
    <row r="2442" spans="1:4" x14ac:dyDescent="0.25">
      <c r="A2442" s="1">
        <v>41883</v>
      </c>
      <c r="B2442" s="2">
        <v>0.17579861111111109</v>
      </c>
      <c r="C2442">
        <v>161.30519999999999</v>
      </c>
      <c r="D2442">
        <v>322.61039999999997</v>
      </c>
    </row>
    <row r="2443" spans="1:4" x14ac:dyDescent="0.25">
      <c r="A2443" s="1">
        <v>41883</v>
      </c>
      <c r="B2443" s="2">
        <v>0.17677083333333332</v>
      </c>
      <c r="C2443">
        <v>161.37179999999998</v>
      </c>
      <c r="D2443">
        <v>322.74359999999996</v>
      </c>
    </row>
    <row r="2444" spans="1:4" x14ac:dyDescent="0.25">
      <c r="A2444" s="1">
        <v>41883</v>
      </c>
      <c r="B2444" s="2">
        <v>0.17775462962962962</v>
      </c>
      <c r="C2444">
        <v>161.4384</v>
      </c>
      <c r="D2444">
        <v>322.8768</v>
      </c>
    </row>
    <row r="2445" spans="1:4" x14ac:dyDescent="0.25">
      <c r="A2445" s="1">
        <v>41883</v>
      </c>
      <c r="B2445" s="2">
        <v>0.17868055555555554</v>
      </c>
      <c r="C2445">
        <v>161.505</v>
      </c>
      <c r="D2445">
        <v>323.01</v>
      </c>
    </row>
    <row r="2446" spans="1:4" x14ac:dyDescent="0.25">
      <c r="A2446" s="1">
        <v>41883</v>
      </c>
      <c r="B2446" s="2">
        <v>0.17961805555555554</v>
      </c>
      <c r="C2446">
        <v>161.57159999999999</v>
      </c>
      <c r="D2446">
        <v>323.14319999999998</v>
      </c>
    </row>
    <row r="2447" spans="1:4" x14ac:dyDescent="0.25">
      <c r="A2447" s="1">
        <v>41883</v>
      </c>
      <c r="B2447" s="2">
        <v>0.18048611111111112</v>
      </c>
      <c r="C2447">
        <v>161.63819999999998</v>
      </c>
      <c r="D2447">
        <v>323.27639999999997</v>
      </c>
    </row>
    <row r="2448" spans="1:4" x14ac:dyDescent="0.25">
      <c r="A2448" s="1">
        <v>41883</v>
      </c>
      <c r="B2448" s="2">
        <v>0.18138888888888891</v>
      </c>
      <c r="C2448">
        <v>161.70479999999998</v>
      </c>
      <c r="D2448">
        <v>323.40959999999995</v>
      </c>
    </row>
    <row r="2449" spans="1:4" x14ac:dyDescent="0.25">
      <c r="A2449" s="1">
        <v>41883</v>
      </c>
      <c r="B2449" s="2">
        <v>0.18225694444444443</v>
      </c>
      <c r="C2449">
        <v>161.7714</v>
      </c>
      <c r="D2449">
        <v>323.5428</v>
      </c>
    </row>
    <row r="2450" spans="1:4" x14ac:dyDescent="0.25">
      <c r="A2450" s="1">
        <v>41883</v>
      </c>
      <c r="B2450" s="2">
        <v>0.18313657407407405</v>
      </c>
      <c r="C2450">
        <v>161.83799999999999</v>
      </c>
      <c r="D2450">
        <v>323.67599999999999</v>
      </c>
    </row>
    <row r="2451" spans="1:4" x14ac:dyDescent="0.25">
      <c r="A2451" s="1">
        <v>41883</v>
      </c>
      <c r="B2451" s="2">
        <v>0.1839814814814815</v>
      </c>
      <c r="C2451">
        <v>161.90459999999999</v>
      </c>
      <c r="D2451">
        <v>323.80919999999998</v>
      </c>
    </row>
    <row r="2452" spans="1:4" x14ac:dyDescent="0.25">
      <c r="A2452" s="1">
        <v>41883</v>
      </c>
      <c r="B2452" s="2">
        <v>0.18484953703703702</v>
      </c>
      <c r="C2452">
        <v>161.97119999999998</v>
      </c>
      <c r="D2452">
        <v>323.94239999999996</v>
      </c>
    </row>
    <row r="2453" spans="1:4" x14ac:dyDescent="0.25">
      <c r="A2453" s="1">
        <v>41883</v>
      </c>
      <c r="B2453" s="2">
        <v>0.18568287037037037</v>
      </c>
      <c r="C2453">
        <v>162.03779999999998</v>
      </c>
      <c r="D2453">
        <v>324.07559999999995</v>
      </c>
    </row>
    <row r="2454" spans="1:4" x14ac:dyDescent="0.25">
      <c r="A2454" s="1">
        <v>41883</v>
      </c>
      <c r="B2454" s="2">
        <v>0.18653935185185186</v>
      </c>
      <c r="C2454">
        <v>162.1044</v>
      </c>
      <c r="D2454">
        <v>324.2088</v>
      </c>
    </row>
    <row r="2455" spans="1:4" x14ac:dyDescent="0.25">
      <c r="A2455" s="1">
        <v>41883</v>
      </c>
      <c r="B2455" s="2">
        <v>0.18737268518518521</v>
      </c>
      <c r="C2455">
        <v>162.17099999999999</v>
      </c>
      <c r="D2455">
        <v>324.34199999999998</v>
      </c>
    </row>
    <row r="2456" spans="1:4" x14ac:dyDescent="0.25">
      <c r="A2456" s="1">
        <v>41883</v>
      </c>
      <c r="B2456" s="2">
        <v>0.18822916666666667</v>
      </c>
      <c r="C2456">
        <v>162.23759999999999</v>
      </c>
      <c r="D2456">
        <v>324.47519999999997</v>
      </c>
    </row>
    <row r="2457" spans="1:4" x14ac:dyDescent="0.25">
      <c r="A2457" s="1">
        <v>41883</v>
      </c>
      <c r="B2457" s="2">
        <v>0.18905092592592596</v>
      </c>
      <c r="C2457">
        <v>162.30419999999998</v>
      </c>
      <c r="D2457">
        <v>324.60839999999996</v>
      </c>
    </row>
    <row r="2458" spans="1:4" x14ac:dyDescent="0.25">
      <c r="A2458" s="1">
        <v>41883</v>
      </c>
      <c r="B2458" s="2">
        <v>0.18990740740740741</v>
      </c>
      <c r="C2458">
        <v>162.37079999999997</v>
      </c>
      <c r="D2458">
        <v>324.74159999999995</v>
      </c>
    </row>
    <row r="2459" spans="1:4" x14ac:dyDescent="0.25">
      <c r="A2459" s="1">
        <v>41883</v>
      </c>
      <c r="B2459" s="2">
        <v>0.19072916666666664</v>
      </c>
      <c r="C2459">
        <v>162.4374</v>
      </c>
      <c r="D2459">
        <v>324.87479999999999</v>
      </c>
    </row>
    <row r="2460" spans="1:4" x14ac:dyDescent="0.25">
      <c r="A2460" s="1">
        <v>41883</v>
      </c>
      <c r="B2460" s="2">
        <v>0.19158564814814816</v>
      </c>
      <c r="C2460">
        <v>162.50399999999999</v>
      </c>
      <c r="D2460">
        <v>325.00799999999998</v>
      </c>
    </row>
    <row r="2461" spans="1:4" x14ac:dyDescent="0.25">
      <c r="A2461" s="1">
        <v>41883</v>
      </c>
      <c r="B2461" s="2">
        <v>0.19240740740740739</v>
      </c>
      <c r="C2461">
        <v>162.57059999999998</v>
      </c>
      <c r="D2461">
        <v>325.14119999999997</v>
      </c>
    </row>
    <row r="2462" spans="1:4" x14ac:dyDescent="0.25">
      <c r="A2462" s="1">
        <v>41883</v>
      </c>
      <c r="B2462" s="2">
        <v>0.19327546296296297</v>
      </c>
      <c r="C2462">
        <v>162.63719999999998</v>
      </c>
      <c r="D2462">
        <v>325.27439999999996</v>
      </c>
    </row>
    <row r="2463" spans="1:4" x14ac:dyDescent="0.25">
      <c r="A2463" s="1">
        <v>41883</v>
      </c>
      <c r="B2463" s="2">
        <v>0.19409722222222223</v>
      </c>
      <c r="C2463">
        <v>162.7038</v>
      </c>
      <c r="D2463">
        <v>325.4076</v>
      </c>
    </row>
    <row r="2464" spans="1:4" x14ac:dyDescent="0.25">
      <c r="A2464" s="1">
        <v>41883</v>
      </c>
      <c r="B2464" s="2">
        <v>0.19496527777777781</v>
      </c>
      <c r="C2464">
        <v>162.7704</v>
      </c>
      <c r="D2464">
        <v>325.54079999999999</v>
      </c>
    </row>
    <row r="2465" spans="1:4" x14ac:dyDescent="0.25">
      <c r="A2465" s="1">
        <v>41883</v>
      </c>
      <c r="B2465" s="2">
        <v>0.1957986111111111</v>
      </c>
      <c r="C2465">
        <v>162.83699999999999</v>
      </c>
      <c r="D2465">
        <v>325.67399999999998</v>
      </c>
    </row>
    <row r="2466" spans="1:4" x14ac:dyDescent="0.25">
      <c r="A2466" s="1">
        <v>41883</v>
      </c>
      <c r="B2466" s="2">
        <v>0.19667824074074072</v>
      </c>
      <c r="C2466">
        <v>162.90359999999998</v>
      </c>
      <c r="D2466">
        <v>325.80719999999997</v>
      </c>
    </row>
    <row r="2467" spans="1:4" x14ac:dyDescent="0.25">
      <c r="A2467" s="1">
        <v>41883</v>
      </c>
      <c r="B2467" s="2">
        <v>0.19753472222222224</v>
      </c>
      <c r="C2467">
        <v>162.97019999999998</v>
      </c>
      <c r="D2467">
        <v>325.94039999999995</v>
      </c>
    </row>
    <row r="2468" spans="1:4" x14ac:dyDescent="0.25">
      <c r="A2468" s="1">
        <v>41883</v>
      </c>
      <c r="B2468" s="2">
        <v>0.19841435185185186</v>
      </c>
      <c r="C2468">
        <v>163.0368</v>
      </c>
      <c r="D2468">
        <v>326.0736</v>
      </c>
    </row>
    <row r="2469" spans="1:4" x14ac:dyDescent="0.25">
      <c r="A2469" s="1">
        <v>41883</v>
      </c>
      <c r="B2469" s="2">
        <v>0.19927083333333331</v>
      </c>
      <c r="C2469">
        <v>163.10339999999999</v>
      </c>
      <c r="D2469">
        <v>326.20679999999999</v>
      </c>
    </row>
    <row r="2470" spans="1:4" x14ac:dyDescent="0.25">
      <c r="A2470" s="1">
        <v>41883</v>
      </c>
      <c r="B2470" s="2">
        <v>0.20017361111111112</v>
      </c>
      <c r="C2470">
        <v>163.16999999999999</v>
      </c>
      <c r="D2470">
        <v>326.33999999999997</v>
      </c>
    </row>
    <row r="2471" spans="1:4" x14ac:dyDescent="0.25">
      <c r="A2471" s="1">
        <v>41883</v>
      </c>
      <c r="B2471" s="2">
        <v>0.20103009259259261</v>
      </c>
      <c r="C2471">
        <v>163.23659999999998</v>
      </c>
      <c r="D2471">
        <v>326.47319999999996</v>
      </c>
    </row>
    <row r="2472" spans="1:4" x14ac:dyDescent="0.25">
      <c r="A2472" s="1">
        <v>41883</v>
      </c>
      <c r="B2472" s="2">
        <v>0.20193287037037036</v>
      </c>
      <c r="C2472">
        <v>163.30319999999998</v>
      </c>
      <c r="D2472">
        <v>326.60639999999995</v>
      </c>
    </row>
    <row r="2473" spans="1:4" x14ac:dyDescent="0.25">
      <c r="A2473" s="1">
        <v>41883</v>
      </c>
      <c r="B2473" s="2">
        <v>0.20280092592592591</v>
      </c>
      <c r="C2473">
        <v>163.3698</v>
      </c>
      <c r="D2473">
        <v>326.7396</v>
      </c>
    </row>
    <row r="2474" spans="1:4" x14ac:dyDescent="0.25">
      <c r="A2474" s="1">
        <v>41883</v>
      </c>
      <c r="B2474" s="2">
        <v>0.20372685185185188</v>
      </c>
      <c r="C2474">
        <v>163.43639999999999</v>
      </c>
      <c r="D2474">
        <v>326.87279999999998</v>
      </c>
    </row>
    <row r="2475" spans="1:4" x14ac:dyDescent="0.25">
      <c r="A2475" s="1">
        <v>41883</v>
      </c>
      <c r="B2475" s="2">
        <v>0.2046064814814815</v>
      </c>
      <c r="C2475">
        <v>163.50299999999999</v>
      </c>
      <c r="D2475">
        <v>327.00599999999997</v>
      </c>
    </row>
    <row r="2476" spans="1:4" x14ac:dyDescent="0.25">
      <c r="A2476" s="1">
        <v>41883</v>
      </c>
      <c r="B2476" s="2">
        <v>0.20553240740740741</v>
      </c>
      <c r="C2476">
        <v>163.56959999999998</v>
      </c>
      <c r="D2476">
        <v>327.13919999999996</v>
      </c>
    </row>
    <row r="2477" spans="1:4" x14ac:dyDescent="0.25">
      <c r="A2477" s="1">
        <v>41883</v>
      </c>
      <c r="B2477" s="2">
        <v>0.2064236111111111</v>
      </c>
      <c r="C2477">
        <v>163.63619999999997</v>
      </c>
      <c r="D2477">
        <v>327.27239999999995</v>
      </c>
    </row>
    <row r="2478" spans="1:4" x14ac:dyDescent="0.25">
      <c r="A2478" s="1">
        <v>41883</v>
      </c>
      <c r="B2478" s="2">
        <v>0.20734953703703704</v>
      </c>
      <c r="C2478">
        <v>163.7028</v>
      </c>
      <c r="D2478">
        <v>327.40559999999999</v>
      </c>
    </row>
    <row r="2479" spans="1:4" x14ac:dyDescent="0.25">
      <c r="A2479" s="1">
        <v>41883</v>
      </c>
      <c r="B2479" s="2">
        <v>0.20825231481481479</v>
      </c>
      <c r="C2479">
        <v>163.76939999999999</v>
      </c>
      <c r="D2479">
        <v>327.53879999999998</v>
      </c>
    </row>
    <row r="2480" spans="1:4" x14ac:dyDescent="0.25">
      <c r="A2480" s="1">
        <v>41883</v>
      </c>
      <c r="B2480" s="2">
        <v>0.20920138888888887</v>
      </c>
      <c r="C2480">
        <v>163.83600000000001</v>
      </c>
      <c r="D2480">
        <v>327.67200000000003</v>
      </c>
    </row>
    <row r="2481" spans="1:4" x14ac:dyDescent="0.25">
      <c r="A2481" s="1">
        <v>41883</v>
      </c>
      <c r="B2481" s="2">
        <v>0.21012731481481481</v>
      </c>
      <c r="C2481">
        <v>163.90259999999998</v>
      </c>
      <c r="D2481">
        <v>327.80519999999996</v>
      </c>
    </row>
    <row r="2482" spans="1:4" x14ac:dyDescent="0.25">
      <c r="A2482" s="1">
        <v>41883</v>
      </c>
      <c r="B2482" s="2">
        <v>0.21109953703703702</v>
      </c>
      <c r="C2482">
        <v>163.96919999999997</v>
      </c>
      <c r="D2482">
        <v>327.93839999999994</v>
      </c>
    </row>
    <row r="2483" spans="1:4" x14ac:dyDescent="0.25">
      <c r="A2483" s="1">
        <v>41883</v>
      </c>
      <c r="B2483" s="2">
        <v>0.21203703703703702</v>
      </c>
      <c r="C2483">
        <v>164.03579999999999</v>
      </c>
      <c r="D2483">
        <v>328.07159999999999</v>
      </c>
    </row>
    <row r="2484" spans="1:4" x14ac:dyDescent="0.25">
      <c r="A2484" s="1">
        <v>41883</v>
      </c>
      <c r="B2484" s="2">
        <v>0.21304398148148149</v>
      </c>
      <c r="C2484">
        <v>164.10239999999999</v>
      </c>
      <c r="D2484">
        <v>328.20479999999998</v>
      </c>
    </row>
    <row r="2485" spans="1:4" x14ac:dyDescent="0.25">
      <c r="A2485" s="1">
        <v>41883</v>
      </c>
      <c r="B2485" s="2">
        <v>0.21402777777777779</v>
      </c>
      <c r="C2485">
        <v>164.16900000000001</v>
      </c>
      <c r="D2485">
        <v>328.33800000000002</v>
      </c>
    </row>
    <row r="2486" spans="1:4" x14ac:dyDescent="0.25">
      <c r="A2486" s="1">
        <v>41883</v>
      </c>
      <c r="B2486" s="2">
        <v>0.21508101851851849</v>
      </c>
      <c r="C2486">
        <v>164.23559999999998</v>
      </c>
      <c r="D2486">
        <v>328.47119999999995</v>
      </c>
    </row>
    <row r="2487" spans="1:4" x14ac:dyDescent="0.25">
      <c r="A2487" s="1">
        <v>41883</v>
      </c>
      <c r="B2487" s="2">
        <v>0.21609953703703702</v>
      </c>
      <c r="C2487">
        <v>164.30219999999997</v>
      </c>
      <c r="D2487">
        <v>328.60439999999994</v>
      </c>
    </row>
    <row r="2488" spans="1:4" x14ac:dyDescent="0.25">
      <c r="A2488" s="1">
        <v>41883</v>
      </c>
      <c r="B2488" s="2">
        <v>0.21718750000000001</v>
      </c>
      <c r="C2488">
        <v>164.36879999999999</v>
      </c>
      <c r="D2488">
        <v>328.73759999999999</v>
      </c>
    </row>
    <row r="2489" spans="1:4" x14ac:dyDescent="0.25">
      <c r="A2489" s="1">
        <v>41883</v>
      </c>
      <c r="B2489" s="2">
        <v>0.2182523148148148</v>
      </c>
      <c r="C2489">
        <v>164.43539999999999</v>
      </c>
      <c r="D2489">
        <v>328.87079999999997</v>
      </c>
    </row>
    <row r="2490" spans="1:4" x14ac:dyDescent="0.25">
      <c r="A2490" s="1">
        <v>41883</v>
      </c>
      <c r="B2490" s="2">
        <v>0.21939814814814815</v>
      </c>
      <c r="C2490">
        <v>164.50200000000001</v>
      </c>
      <c r="D2490">
        <v>329.00400000000002</v>
      </c>
    </row>
    <row r="2491" spans="1:4" x14ac:dyDescent="0.25">
      <c r="A2491" s="1">
        <v>41883</v>
      </c>
      <c r="B2491" s="2">
        <v>0.22052083333333336</v>
      </c>
      <c r="C2491">
        <v>164.56859999999998</v>
      </c>
      <c r="D2491">
        <v>329.13719999999995</v>
      </c>
    </row>
    <row r="2492" spans="1:4" x14ac:dyDescent="0.25">
      <c r="A2492" s="1">
        <v>41883</v>
      </c>
      <c r="B2492" s="2">
        <v>0.22171296296296295</v>
      </c>
      <c r="C2492">
        <v>164.63519999999997</v>
      </c>
      <c r="D2492">
        <v>329.27039999999994</v>
      </c>
    </row>
    <row r="2493" spans="1:4" x14ac:dyDescent="0.25">
      <c r="A2493" s="1">
        <v>41883</v>
      </c>
      <c r="B2493" s="2">
        <v>0.22289351851851849</v>
      </c>
      <c r="C2493">
        <v>164.70179999999999</v>
      </c>
      <c r="D2493">
        <v>329.40359999999998</v>
      </c>
    </row>
    <row r="2494" spans="1:4" x14ac:dyDescent="0.25">
      <c r="A2494" s="1">
        <v>41883</v>
      </c>
      <c r="B2494" s="2">
        <v>0.22415509259259259</v>
      </c>
      <c r="C2494">
        <v>164.76839999999999</v>
      </c>
      <c r="D2494">
        <v>329.53679999999997</v>
      </c>
    </row>
    <row r="2495" spans="1:4" x14ac:dyDescent="0.25">
      <c r="A2495" s="1">
        <v>41883</v>
      </c>
      <c r="B2495" s="2">
        <v>0.22539351851851852</v>
      </c>
      <c r="C2495">
        <v>164.83500000000001</v>
      </c>
      <c r="D2495">
        <v>329.67</v>
      </c>
    </row>
    <row r="2496" spans="1:4" x14ac:dyDescent="0.25">
      <c r="A2496" s="1">
        <v>41883</v>
      </c>
      <c r="B2496" s="2">
        <v>0.22674768518518518</v>
      </c>
      <c r="C2496">
        <v>164.90159999999997</v>
      </c>
      <c r="D2496">
        <v>329.80319999999995</v>
      </c>
    </row>
    <row r="2497" spans="1:4" x14ac:dyDescent="0.25">
      <c r="A2497" s="1">
        <v>41883</v>
      </c>
      <c r="B2497" s="2">
        <v>0.22806712962962963</v>
      </c>
      <c r="C2497">
        <v>164.9682</v>
      </c>
      <c r="D2497">
        <v>329.93639999999999</v>
      </c>
    </row>
    <row r="2498" spans="1:4" x14ac:dyDescent="0.25">
      <c r="A2498" s="1">
        <v>41883</v>
      </c>
      <c r="B2498" s="2">
        <v>0.22950231481481484</v>
      </c>
      <c r="C2498">
        <v>165.03479999999999</v>
      </c>
      <c r="D2498">
        <v>330.06959999999998</v>
      </c>
    </row>
    <row r="2499" spans="1:4" x14ac:dyDescent="0.25">
      <c r="A2499" s="1">
        <v>41883</v>
      </c>
      <c r="B2499" s="2">
        <v>0.23091435185185186</v>
      </c>
      <c r="C2499">
        <v>165.10139999999998</v>
      </c>
      <c r="D2499">
        <v>330.20279999999997</v>
      </c>
    </row>
    <row r="2500" spans="1:4" x14ac:dyDescent="0.25">
      <c r="A2500" s="1">
        <v>41883</v>
      </c>
      <c r="B2500" s="2">
        <v>0.23245370370370369</v>
      </c>
      <c r="C2500">
        <v>165.16800000000001</v>
      </c>
      <c r="D2500">
        <v>330.33600000000001</v>
      </c>
    </row>
    <row r="2501" spans="1:4" x14ac:dyDescent="0.25">
      <c r="A2501" s="1">
        <v>41883</v>
      </c>
      <c r="B2501" s="2">
        <v>0.23394675925925926</v>
      </c>
      <c r="C2501">
        <v>165.23459999999997</v>
      </c>
      <c r="D2501">
        <v>330.46919999999994</v>
      </c>
    </row>
    <row r="2502" spans="1:4" x14ac:dyDescent="0.25">
      <c r="A2502" s="1">
        <v>41883</v>
      </c>
      <c r="B2502" s="2">
        <v>0.23557870370370371</v>
      </c>
      <c r="C2502">
        <v>165.30119999999999</v>
      </c>
      <c r="D2502">
        <v>330.60239999999999</v>
      </c>
    </row>
    <row r="2503" spans="1:4" x14ac:dyDescent="0.25">
      <c r="A2503" s="1">
        <v>41883</v>
      </c>
      <c r="B2503" s="2">
        <v>0.23717592592592593</v>
      </c>
      <c r="C2503">
        <v>165.36779999999999</v>
      </c>
      <c r="D2503">
        <v>330.73559999999998</v>
      </c>
    </row>
    <row r="2504" spans="1:4" x14ac:dyDescent="0.25">
      <c r="A2504" s="1">
        <v>41883</v>
      </c>
      <c r="B2504" s="2">
        <v>0.23891203703703703</v>
      </c>
      <c r="C2504">
        <v>165.43439999999998</v>
      </c>
      <c r="D2504">
        <v>330.86879999999996</v>
      </c>
    </row>
    <row r="2505" spans="1:4" x14ac:dyDescent="0.25">
      <c r="A2505" s="1">
        <v>41883</v>
      </c>
      <c r="B2505" s="2">
        <v>0.24062500000000001</v>
      </c>
      <c r="C2505">
        <v>165.501</v>
      </c>
      <c r="D2505">
        <v>331.00200000000001</v>
      </c>
    </row>
    <row r="2506" spans="1:4" x14ac:dyDescent="0.25">
      <c r="A2506" s="1">
        <v>41883</v>
      </c>
      <c r="B2506" s="2">
        <v>0.24248842592592593</v>
      </c>
      <c r="C2506">
        <v>165.56759999999997</v>
      </c>
      <c r="D2506">
        <v>331.13519999999994</v>
      </c>
    </row>
    <row r="2507" spans="1:4" x14ac:dyDescent="0.25">
      <c r="A2507" s="1">
        <v>41883</v>
      </c>
      <c r="B2507" s="2">
        <v>0.24431712962962962</v>
      </c>
      <c r="C2507">
        <v>165.63419999999999</v>
      </c>
      <c r="D2507">
        <v>331.26839999999999</v>
      </c>
    </row>
    <row r="2508" spans="1:4" x14ac:dyDescent="0.25">
      <c r="A2508" s="1">
        <v>41883</v>
      </c>
      <c r="B2508" s="2">
        <v>0.24630787037037036</v>
      </c>
      <c r="C2508">
        <v>165.70079999999999</v>
      </c>
      <c r="D2508">
        <v>331.40159999999997</v>
      </c>
    </row>
    <row r="2509" spans="1:4" x14ac:dyDescent="0.25">
      <c r="A2509" s="1">
        <v>41883</v>
      </c>
      <c r="B2509" s="2">
        <v>0.24827546296296296</v>
      </c>
      <c r="C2509">
        <v>165.76739999999998</v>
      </c>
      <c r="D2509">
        <v>331.53479999999996</v>
      </c>
    </row>
    <row r="2510" spans="1:4" x14ac:dyDescent="0.25">
      <c r="A2510" s="1">
        <v>41883</v>
      </c>
      <c r="B2510" s="2">
        <v>0.25041666666666668</v>
      </c>
      <c r="C2510">
        <v>165.834</v>
      </c>
      <c r="D2510">
        <v>331.66800000000001</v>
      </c>
    </row>
    <row r="2511" spans="1:4" x14ac:dyDescent="0.25">
      <c r="A2511" s="1">
        <v>41883</v>
      </c>
      <c r="B2511" s="2">
        <v>0.25251157407407404</v>
      </c>
      <c r="C2511">
        <v>165.90059999999997</v>
      </c>
      <c r="D2511">
        <v>331.80119999999994</v>
      </c>
    </row>
    <row r="2512" spans="1:4" x14ac:dyDescent="0.25">
      <c r="A2512" s="1">
        <v>41883</v>
      </c>
      <c r="B2512" s="2">
        <v>0.25481481481481483</v>
      </c>
      <c r="C2512">
        <v>165.96719999999999</v>
      </c>
      <c r="D2512">
        <v>331.93439999999998</v>
      </c>
    </row>
    <row r="2513" spans="1:4" x14ac:dyDescent="0.25">
      <c r="A2513" s="1">
        <v>41883</v>
      </c>
      <c r="B2513" s="2">
        <v>0.25707175925925924</v>
      </c>
      <c r="C2513">
        <v>166.03379999999999</v>
      </c>
      <c r="D2513">
        <v>332.06759999999997</v>
      </c>
    </row>
    <row r="2514" spans="1:4" x14ac:dyDescent="0.25">
      <c r="A2514" s="1">
        <v>41883</v>
      </c>
      <c r="B2514" s="2">
        <v>0.2595486111111111</v>
      </c>
      <c r="C2514">
        <v>166.10040000000001</v>
      </c>
      <c r="D2514">
        <v>332.20080000000002</v>
      </c>
    </row>
    <row r="2515" spans="1:4" x14ac:dyDescent="0.25">
      <c r="A2515" s="1">
        <v>41883</v>
      </c>
      <c r="B2515" s="2">
        <v>0.26196759259259256</v>
      </c>
      <c r="C2515">
        <v>166.167</v>
      </c>
      <c r="D2515">
        <v>332.334</v>
      </c>
    </row>
    <row r="2516" spans="1:4" x14ac:dyDescent="0.25">
      <c r="A2516" s="1">
        <v>41883</v>
      </c>
      <c r="B2516" s="2">
        <v>0.26460648148148147</v>
      </c>
      <c r="C2516">
        <v>166.23359999999997</v>
      </c>
      <c r="D2516">
        <v>332.46719999999993</v>
      </c>
    </row>
    <row r="2517" spans="1:4" x14ac:dyDescent="0.25">
      <c r="A2517" s="1">
        <v>41883</v>
      </c>
      <c r="B2517" s="2">
        <v>0.26719907407407406</v>
      </c>
      <c r="C2517">
        <v>166.30019999999999</v>
      </c>
      <c r="D2517">
        <v>332.60039999999998</v>
      </c>
    </row>
    <row r="2518" spans="1:4" x14ac:dyDescent="0.25">
      <c r="A2518" s="1">
        <v>41883</v>
      </c>
      <c r="B2518" s="2">
        <v>0.27008101851851851</v>
      </c>
      <c r="C2518">
        <v>166.36679999999998</v>
      </c>
      <c r="D2518">
        <v>332.73359999999997</v>
      </c>
    </row>
    <row r="2519" spans="1:4" x14ac:dyDescent="0.25">
      <c r="A2519" s="1">
        <v>41883</v>
      </c>
      <c r="B2519" s="2">
        <v>0.2729050925925926</v>
      </c>
      <c r="C2519">
        <v>166.43340000000001</v>
      </c>
      <c r="D2519">
        <v>332.86680000000001</v>
      </c>
    </row>
    <row r="2520" spans="1:4" x14ac:dyDescent="0.25">
      <c r="A2520" s="1">
        <v>41883</v>
      </c>
      <c r="B2520" s="2">
        <v>0.27599537037037036</v>
      </c>
      <c r="C2520">
        <v>166.5</v>
      </c>
      <c r="D2520">
        <v>333</v>
      </c>
    </row>
    <row r="2521" spans="1:4" x14ac:dyDescent="0.25">
      <c r="A2521" s="1">
        <v>41883</v>
      </c>
      <c r="B2521" s="2">
        <v>0.2790509259259259</v>
      </c>
      <c r="C2521">
        <v>166.56659999999997</v>
      </c>
      <c r="D2521">
        <v>333.13319999999993</v>
      </c>
    </row>
    <row r="2522" spans="1:4" x14ac:dyDescent="0.25">
      <c r="A2522" s="1">
        <v>41883</v>
      </c>
      <c r="B2522" s="2">
        <v>0.28244212962962961</v>
      </c>
      <c r="C2522">
        <v>166.63319999999999</v>
      </c>
      <c r="D2522">
        <v>333.26639999999998</v>
      </c>
    </row>
    <row r="2523" spans="1:4" x14ac:dyDescent="0.25">
      <c r="A2523" s="1">
        <v>41883</v>
      </c>
      <c r="B2523" s="2">
        <v>0.28576388888888887</v>
      </c>
      <c r="C2523">
        <v>166.69979999999998</v>
      </c>
      <c r="D2523">
        <v>333.39959999999996</v>
      </c>
    </row>
    <row r="2524" spans="1:4" x14ac:dyDescent="0.25">
      <c r="A2524" s="1">
        <v>41883</v>
      </c>
      <c r="B2524" s="2">
        <v>0.28947916666666668</v>
      </c>
      <c r="C2524">
        <v>166.7664</v>
      </c>
      <c r="D2524">
        <v>333.53280000000001</v>
      </c>
    </row>
    <row r="2525" spans="1:4" x14ac:dyDescent="0.25">
      <c r="A2525" s="1">
        <v>41883</v>
      </c>
      <c r="B2525" s="2">
        <v>0.29310185185185184</v>
      </c>
      <c r="C2525">
        <v>166.833</v>
      </c>
      <c r="D2525">
        <v>333.666</v>
      </c>
    </row>
    <row r="2526" spans="1:4" x14ac:dyDescent="0.25">
      <c r="A2526" s="1">
        <v>41883</v>
      </c>
      <c r="B2526" s="2">
        <v>0.29714120370370373</v>
      </c>
      <c r="C2526">
        <v>166.89959999999996</v>
      </c>
      <c r="D2526">
        <v>333.79919999999993</v>
      </c>
    </row>
    <row r="2527" spans="1:4" x14ac:dyDescent="0.25">
      <c r="A2527" s="1">
        <v>41883</v>
      </c>
      <c r="B2527" s="2">
        <v>0.30107638888888888</v>
      </c>
      <c r="C2527">
        <v>166.96619999999999</v>
      </c>
      <c r="D2527">
        <v>333.93239999999997</v>
      </c>
    </row>
    <row r="2528" spans="1:4" x14ac:dyDescent="0.25">
      <c r="A2528" s="1">
        <v>41883</v>
      </c>
      <c r="B2528" s="2">
        <v>0.30549768518518522</v>
      </c>
      <c r="C2528">
        <v>167.03279999999998</v>
      </c>
      <c r="D2528">
        <v>334.06559999999996</v>
      </c>
    </row>
    <row r="2529" spans="1:4" x14ac:dyDescent="0.25">
      <c r="A2529" s="1">
        <v>41883</v>
      </c>
      <c r="B2529" s="2">
        <v>0.30978009259259259</v>
      </c>
      <c r="C2529">
        <v>167.0994</v>
      </c>
      <c r="D2529">
        <v>334.19880000000001</v>
      </c>
    </row>
    <row r="2530" spans="1:4" x14ac:dyDescent="0.25">
      <c r="A2530" s="1">
        <v>41883</v>
      </c>
      <c r="B2530" s="2">
        <v>0.31460648148148146</v>
      </c>
      <c r="C2530">
        <v>167.166</v>
      </c>
      <c r="D2530">
        <v>334.33199999999999</v>
      </c>
    </row>
    <row r="2531" spans="1:4" x14ac:dyDescent="0.25">
      <c r="A2531" s="1">
        <v>41883</v>
      </c>
      <c r="B2531" s="2">
        <v>0.3193287037037037</v>
      </c>
      <c r="C2531">
        <v>167.23259999999999</v>
      </c>
      <c r="D2531">
        <v>334.46519999999998</v>
      </c>
    </row>
    <row r="2532" spans="1:4" x14ac:dyDescent="0.25">
      <c r="A2532" s="1">
        <v>41883</v>
      </c>
      <c r="B2532" s="2">
        <v>0.32457175925925924</v>
      </c>
      <c r="C2532">
        <v>167.29919999999998</v>
      </c>
      <c r="D2532">
        <v>334.59839999999997</v>
      </c>
    </row>
    <row r="2533" spans="1:4" x14ac:dyDescent="0.25">
      <c r="A2533" s="1">
        <v>41883</v>
      </c>
      <c r="B2533" s="2">
        <v>0.32969907407407406</v>
      </c>
      <c r="C2533">
        <v>167.36579999999998</v>
      </c>
      <c r="D2533">
        <v>334.73159999999996</v>
      </c>
    </row>
    <row r="2534" spans="1:4" x14ac:dyDescent="0.25">
      <c r="A2534" s="1">
        <v>41883</v>
      </c>
      <c r="B2534" s="2">
        <v>0.33546296296296302</v>
      </c>
      <c r="C2534">
        <v>167.4324</v>
      </c>
      <c r="D2534">
        <v>334.8648</v>
      </c>
    </row>
    <row r="2535" spans="1:4" x14ac:dyDescent="0.25">
      <c r="A2535" s="1">
        <v>41883</v>
      </c>
      <c r="B2535" s="2">
        <v>0.34107638888888886</v>
      </c>
      <c r="C2535">
        <v>167.499</v>
      </c>
      <c r="D2535">
        <v>334.99799999999999</v>
      </c>
    </row>
    <row r="2536" spans="1:4" x14ac:dyDescent="0.25">
      <c r="A2536" s="1">
        <v>41883</v>
      </c>
      <c r="B2536" s="2">
        <v>0.34744212962962967</v>
      </c>
      <c r="C2536">
        <v>167.56559999999999</v>
      </c>
      <c r="D2536">
        <v>335.13119999999998</v>
      </c>
    </row>
    <row r="2537" spans="1:4" x14ac:dyDescent="0.25">
      <c r="A2537" s="1">
        <v>41883</v>
      </c>
      <c r="B2537" s="2">
        <v>0.35355324074074074</v>
      </c>
      <c r="C2537">
        <v>167.63219999999998</v>
      </c>
      <c r="D2537">
        <v>335.26439999999997</v>
      </c>
    </row>
    <row r="2538" spans="1:4" x14ac:dyDescent="0.25">
      <c r="A2538" s="1">
        <v>41883</v>
      </c>
      <c r="B2538" s="2">
        <v>0.36047453703703702</v>
      </c>
      <c r="C2538">
        <v>167.69879999999998</v>
      </c>
      <c r="D2538">
        <v>335.39759999999995</v>
      </c>
    </row>
    <row r="2539" spans="1:4" x14ac:dyDescent="0.25">
      <c r="A2539" s="1">
        <v>41883</v>
      </c>
      <c r="B2539" s="2">
        <v>0.36708333333333337</v>
      </c>
      <c r="C2539">
        <v>167.7654</v>
      </c>
      <c r="D2539">
        <v>335.5308</v>
      </c>
    </row>
    <row r="2540" spans="1:4" x14ac:dyDescent="0.25">
      <c r="A2540" s="1">
        <v>41883</v>
      </c>
      <c r="B2540" s="2">
        <v>0.3745486111111111</v>
      </c>
      <c r="C2540">
        <v>167.83199999999999</v>
      </c>
      <c r="D2540">
        <v>335.66399999999999</v>
      </c>
    </row>
    <row r="2541" spans="1:4" x14ac:dyDescent="0.25">
      <c r="A2541" s="1">
        <v>41883</v>
      </c>
      <c r="B2541" s="2">
        <v>0.3817592592592593</v>
      </c>
      <c r="C2541">
        <v>167.89859999999999</v>
      </c>
      <c r="D2541">
        <v>335.79719999999998</v>
      </c>
    </row>
    <row r="2542" spans="1:4" x14ac:dyDescent="0.25">
      <c r="A2542" s="1">
        <v>41883</v>
      </c>
      <c r="B2542" s="2">
        <v>0.38989583333333333</v>
      </c>
      <c r="C2542">
        <v>167.96519999999998</v>
      </c>
      <c r="D2542">
        <v>335.93039999999996</v>
      </c>
    </row>
    <row r="2543" spans="1:4" x14ac:dyDescent="0.25">
      <c r="A2543" s="1">
        <v>41883</v>
      </c>
      <c r="B2543" s="2">
        <v>0.3979050925925926</v>
      </c>
      <c r="C2543">
        <v>168.03179999999998</v>
      </c>
      <c r="D2543">
        <v>336.06359999999995</v>
      </c>
    </row>
    <row r="2544" spans="1:4" x14ac:dyDescent="0.25">
      <c r="A2544" s="1">
        <v>41883</v>
      </c>
      <c r="B2544" s="2">
        <v>0.40686342592592589</v>
      </c>
      <c r="C2544">
        <v>168.0984</v>
      </c>
      <c r="D2544">
        <v>336.1968</v>
      </c>
    </row>
    <row r="2545" spans="1:4" x14ac:dyDescent="0.25">
      <c r="A2545" s="1">
        <v>41883</v>
      </c>
      <c r="B2545" s="2">
        <v>0.41549768518518521</v>
      </c>
      <c r="C2545">
        <v>168.16499999999999</v>
      </c>
      <c r="D2545">
        <v>336.33</v>
      </c>
    </row>
    <row r="2546" spans="1:4" x14ac:dyDescent="0.25">
      <c r="A2546" s="1">
        <v>41883</v>
      </c>
      <c r="B2546" s="2">
        <v>0.42515046296296299</v>
      </c>
      <c r="C2546">
        <v>168.23159999999999</v>
      </c>
      <c r="D2546">
        <v>336.46319999999997</v>
      </c>
    </row>
    <row r="2547" spans="1:4" x14ac:dyDescent="0.25">
      <c r="A2547" s="1">
        <v>41883</v>
      </c>
      <c r="B2547" s="2">
        <v>0.43457175925925928</v>
      </c>
      <c r="C2547">
        <v>168.29819999999998</v>
      </c>
      <c r="D2547">
        <v>336.59639999999996</v>
      </c>
    </row>
    <row r="2548" spans="1:4" x14ac:dyDescent="0.25">
      <c r="A2548" s="1">
        <v>41883</v>
      </c>
      <c r="B2548" s="2">
        <v>0.44469907407407411</v>
      </c>
      <c r="C2548">
        <v>168.3648</v>
      </c>
      <c r="D2548">
        <v>336.7296</v>
      </c>
    </row>
    <row r="2549" spans="1:4" x14ac:dyDescent="0.25">
      <c r="A2549" s="1">
        <v>41883</v>
      </c>
      <c r="B2549" s="2">
        <v>0.45495370370370369</v>
      </c>
      <c r="C2549">
        <v>168.4314</v>
      </c>
      <c r="D2549">
        <v>336.86279999999999</v>
      </c>
    </row>
    <row r="2550" spans="1:4" x14ac:dyDescent="0.25">
      <c r="A2550" s="1">
        <v>41883</v>
      </c>
      <c r="B2550" s="2">
        <v>0.46645833333333336</v>
      </c>
      <c r="C2550">
        <v>168.49799999999999</v>
      </c>
      <c r="D2550">
        <v>336.99599999999998</v>
      </c>
    </row>
    <row r="2551" spans="1:4" x14ac:dyDescent="0.25">
      <c r="A2551" s="1">
        <v>41883</v>
      </c>
      <c r="B2551" s="2">
        <v>0.47767361111111112</v>
      </c>
      <c r="C2551">
        <v>168.56459999999998</v>
      </c>
      <c r="D2551">
        <v>337.12919999999997</v>
      </c>
    </row>
    <row r="2552" spans="1:4" x14ac:dyDescent="0.25">
      <c r="A2552" s="1">
        <v>41883</v>
      </c>
      <c r="B2552" s="2">
        <v>0.49019675925925926</v>
      </c>
      <c r="C2552">
        <v>168.63119999999998</v>
      </c>
      <c r="D2552">
        <v>337.26239999999996</v>
      </c>
    </row>
    <row r="2553" spans="1:4" x14ac:dyDescent="0.25">
      <c r="A2553" s="1">
        <v>41883</v>
      </c>
      <c r="B2553" s="2">
        <v>0.50238425925925922</v>
      </c>
      <c r="C2553">
        <v>168.6978</v>
      </c>
      <c r="D2553">
        <v>337.3956</v>
      </c>
    </row>
    <row r="2554" spans="1:4" x14ac:dyDescent="0.25">
      <c r="A2554" s="1">
        <v>41883</v>
      </c>
      <c r="B2554" s="2">
        <v>0.51533564814814814</v>
      </c>
      <c r="C2554">
        <v>168.76439999999999</v>
      </c>
      <c r="D2554">
        <v>337.52879999999999</v>
      </c>
    </row>
    <row r="2555" spans="1:4" x14ac:dyDescent="0.25">
      <c r="A2555" s="1">
        <v>41883</v>
      </c>
      <c r="B2555" s="2">
        <v>0.52863425925925933</v>
      </c>
      <c r="C2555">
        <v>168.83099999999999</v>
      </c>
      <c r="D2555">
        <v>337.66199999999998</v>
      </c>
    </row>
    <row r="2556" spans="1:4" x14ac:dyDescent="0.25">
      <c r="A2556" s="1">
        <v>41883</v>
      </c>
      <c r="B2556" s="2">
        <v>0.54288194444444449</v>
      </c>
      <c r="C2556">
        <v>168.89759999999998</v>
      </c>
      <c r="D2556">
        <v>337.79519999999997</v>
      </c>
    </row>
    <row r="2557" spans="1:4" x14ac:dyDescent="0.25">
      <c r="A2557" s="1">
        <v>41883</v>
      </c>
      <c r="B2557" s="2">
        <v>0.55717592592592591</v>
      </c>
      <c r="C2557">
        <v>168.96419999999998</v>
      </c>
      <c r="D2557">
        <v>337.92839999999995</v>
      </c>
    </row>
    <row r="2558" spans="1:4" x14ac:dyDescent="0.25">
      <c r="A2558" s="1">
        <v>41883</v>
      </c>
      <c r="B2558" s="2">
        <v>0.57307870370370373</v>
      </c>
      <c r="C2558">
        <v>169.0308</v>
      </c>
      <c r="D2558">
        <v>338.0616</v>
      </c>
    </row>
    <row r="2559" spans="1:4" x14ac:dyDescent="0.25">
      <c r="A2559" s="1">
        <v>41883</v>
      </c>
      <c r="B2559" s="2">
        <v>0.58870370370370373</v>
      </c>
      <c r="C2559">
        <v>169.09739999999999</v>
      </c>
      <c r="D2559">
        <v>338.19479999999999</v>
      </c>
    </row>
    <row r="2560" spans="1:4" x14ac:dyDescent="0.25">
      <c r="A2560" s="1">
        <v>41883</v>
      </c>
      <c r="B2560" s="2">
        <v>0.60638888888888887</v>
      </c>
      <c r="C2560">
        <v>169.16399999999999</v>
      </c>
      <c r="D2560">
        <v>338.32799999999997</v>
      </c>
    </row>
    <row r="2561" spans="1:4" x14ac:dyDescent="0.25">
      <c r="A2561" s="1">
        <v>41883</v>
      </c>
      <c r="B2561" s="2">
        <v>0.62335648148148148</v>
      </c>
      <c r="C2561">
        <v>169.23059999999998</v>
      </c>
      <c r="D2561">
        <v>338.46119999999996</v>
      </c>
    </row>
    <row r="2562" spans="1:4" x14ac:dyDescent="0.25">
      <c r="A2562" s="1">
        <v>41883</v>
      </c>
      <c r="B2562" s="2">
        <v>0.6426736111111111</v>
      </c>
      <c r="C2562">
        <v>169.29719999999998</v>
      </c>
      <c r="D2562">
        <v>338.59439999999995</v>
      </c>
    </row>
    <row r="2563" spans="1:4" x14ac:dyDescent="0.25">
      <c r="A2563" s="1">
        <v>41883</v>
      </c>
      <c r="B2563" s="2">
        <v>0.66109953703703705</v>
      </c>
      <c r="C2563">
        <v>169.3638</v>
      </c>
      <c r="D2563">
        <v>338.7276</v>
      </c>
    </row>
    <row r="2564" spans="1:4" x14ac:dyDescent="0.25">
      <c r="A2564" s="1">
        <v>41883</v>
      </c>
      <c r="B2564" s="2">
        <v>0.68208333333333337</v>
      </c>
      <c r="C2564">
        <v>169.43039999999999</v>
      </c>
      <c r="D2564">
        <v>338.86079999999998</v>
      </c>
    </row>
    <row r="2565" spans="1:4" x14ac:dyDescent="0.25">
      <c r="A2565" s="1">
        <v>41883</v>
      </c>
      <c r="B2565" s="2">
        <v>0.70188657407407407</v>
      </c>
      <c r="C2565">
        <v>169.49700000000001</v>
      </c>
      <c r="D2565">
        <v>338.99400000000003</v>
      </c>
    </row>
    <row r="2566" spans="1:4" x14ac:dyDescent="0.25">
      <c r="A2566" s="1">
        <v>41883</v>
      </c>
      <c r="B2566" s="2">
        <v>0.72402777777777771</v>
      </c>
      <c r="C2566">
        <v>169.56359999999998</v>
      </c>
      <c r="D2566">
        <v>339.12719999999996</v>
      </c>
    </row>
    <row r="2567" spans="1:4" x14ac:dyDescent="0.25">
      <c r="A2567" s="1">
        <v>41883</v>
      </c>
      <c r="B2567" s="2">
        <v>0.74480324074074078</v>
      </c>
      <c r="C2567">
        <v>169.63019999999997</v>
      </c>
      <c r="D2567">
        <v>339.26039999999995</v>
      </c>
    </row>
    <row r="2568" spans="1:4" x14ac:dyDescent="0.25">
      <c r="A2568" s="1">
        <v>41883</v>
      </c>
      <c r="B2568" s="2">
        <v>0.76765046296296291</v>
      </c>
      <c r="C2568">
        <v>169.6968</v>
      </c>
      <c r="D2568">
        <v>339.39359999999999</v>
      </c>
    </row>
    <row r="2569" spans="1:4" x14ac:dyDescent="0.25">
      <c r="A2569" s="1">
        <v>41883</v>
      </c>
      <c r="B2569" s="2">
        <v>0.78922453703703699</v>
      </c>
      <c r="C2569">
        <v>169.76339999999999</v>
      </c>
      <c r="D2569">
        <v>339.52679999999998</v>
      </c>
    </row>
    <row r="2570" spans="1:4" x14ac:dyDescent="0.25">
      <c r="A2570" s="1">
        <v>41883</v>
      </c>
      <c r="B2570" s="2">
        <v>0.81284722222222217</v>
      </c>
      <c r="C2570">
        <v>169.83</v>
      </c>
      <c r="D2570">
        <v>339.66</v>
      </c>
    </row>
    <row r="2571" spans="1:4" x14ac:dyDescent="0.25">
      <c r="A2571" s="1">
        <v>41883</v>
      </c>
      <c r="B2571" s="2">
        <v>0.83538194444444447</v>
      </c>
      <c r="C2571">
        <v>169.89659999999998</v>
      </c>
      <c r="D2571">
        <v>339.79319999999996</v>
      </c>
    </row>
    <row r="2572" spans="1:4" x14ac:dyDescent="0.25">
      <c r="A2572" s="1">
        <v>41883</v>
      </c>
      <c r="B2572" s="2">
        <v>0.85951388888888891</v>
      </c>
      <c r="C2572">
        <v>169.96319999999997</v>
      </c>
      <c r="D2572">
        <v>339.92639999999994</v>
      </c>
    </row>
    <row r="2573" spans="1:4" x14ac:dyDescent="0.25">
      <c r="A2573" s="1">
        <v>41883</v>
      </c>
      <c r="B2573" s="2">
        <v>0.88306712962962963</v>
      </c>
      <c r="C2573">
        <v>170.02979999999999</v>
      </c>
      <c r="D2573">
        <v>340.05959999999999</v>
      </c>
    </row>
    <row r="2574" spans="1:4" x14ac:dyDescent="0.25">
      <c r="A2574" s="1">
        <v>41883</v>
      </c>
      <c r="B2574" s="2">
        <v>0.90825231481481483</v>
      </c>
      <c r="C2574">
        <v>170.09639999999999</v>
      </c>
      <c r="D2574">
        <v>340.19279999999998</v>
      </c>
    </row>
    <row r="2575" spans="1:4" x14ac:dyDescent="0.25">
      <c r="A2575" s="1">
        <v>41883</v>
      </c>
      <c r="B2575" s="2">
        <v>0.93269675925925932</v>
      </c>
      <c r="C2575">
        <v>170.16300000000001</v>
      </c>
      <c r="D2575">
        <v>340.32600000000002</v>
      </c>
    </row>
    <row r="2576" spans="1:4" x14ac:dyDescent="0.25">
      <c r="A2576" s="1">
        <v>41883</v>
      </c>
      <c r="B2576" s="2">
        <v>0.95920138888888884</v>
      </c>
      <c r="C2576">
        <v>170.22959999999998</v>
      </c>
      <c r="D2576">
        <v>340.45919999999995</v>
      </c>
    </row>
    <row r="2577" spans="1:4" x14ac:dyDescent="0.25">
      <c r="A2577" s="1">
        <v>41883</v>
      </c>
      <c r="B2577" s="2">
        <v>0.98460648148148155</v>
      </c>
      <c r="C2577">
        <v>170.29619999999997</v>
      </c>
      <c r="D2577">
        <v>340.59239999999994</v>
      </c>
    </row>
    <row r="2578" spans="1:4" x14ac:dyDescent="0.25">
      <c r="A2578" s="1">
        <v>41884</v>
      </c>
      <c r="B2578" s="2">
        <v>1.2210648148148146E-2</v>
      </c>
      <c r="C2578">
        <v>170.36279999999999</v>
      </c>
      <c r="D2578">
        <v>340.72559999999999</v>
      </c>
    </row>
    <row r="2579" spans="1:4" x14ac:dyDescent="0.25">
      <c r="A2579" s="1">
        <v>41884</v>
      </c>
      <c r="B2579" s="2">
        <v>3.9050925925925926E-2</v>
      </c>
      <c r="C2579">
        <v>170.42939999999999</v>
      </c>
      <c r="D2579">
        <v>340.85879999999997</v>
      </c>
    </row>
    <row r="2580" spans="1:4" x14ac:dyDescent="0.25">
      <c r="A2580" s="1">
        <v>41884</v>
      </c>
      <c r="B2580" s="2">
        <v>6.7951388888888895E-2</v>
      </c>
      <c r="C2580">
        <v>170.49600000000001</v>
      </c>
      <c r="D2580">
        <v>340.99200000000002</v>
      </c>
    </row>
    <row r="2581" spans="1:4" x14ac:dyDescent="0.25">
      <c r="A2581" s="1">
        <v>41884</v>
      </c>
      <c r="B2581" s="2">
        <v>9.5740740740740737E-2</v>
      </c>
      <c r="C2581">
        <v>170.56259999999997</v>
      </c>
      <c r="D2581">
        <v>341.12519999999995</v>
      </c>
    </row>
    <row r="2582" spans="1:4" x14ac:dyDescent="0.25">
      <c r="A2582" s="1">
        <v>41884</v>
      </c>
      <c r="B2582" s="2">
        <v>0.12620370370370371</v>
      </c>
      <c r="C2582">
        <v>170.62919999999997</v>
      </c>
      <c r="D2582">
        <v>341.25839999999994</v>
      </c>
    </row>
    <row r="2583" spans="1:4" x14ac:dyDescent="0.25">
      <c r="A2583" s="1">
        <v>41884</v>
      </c>
      <c r="B2583" s="2">
        <v>0.15606481481481482</v>
      </c>
      <c r="C2583">
        <v>170.69579999999999</v>
      </c>
      <c r="D2583">
        <v>341.39159999999998</v>
      </c>
    </row>
    <row r="2584" spans="1:4" x14ac:dyDescent="0.25">
      <c r="A2584" s="1">
        <v>41884</v>
      </c>
      <c r="B2584" s="2">
        <v>0.18856481481481482</v>
      </c>
      <c r="C2584">
        <v>170.76239999999999</v>
      </c>
      <c r="D2584">
        <v>341.52479999999997</v>
      </c>
    </row>
    <row r="2585" spans="1:4" x14ac:dyDescent="0.25">
      <c r="A2585" s="1">
        <v>41884</v>
      </c>
      <c r="B2585" s="2">
        <v>0.22093750000000001</v>
      </c>
      <c r="C2585">
        <v>170.82899999999998</v>
      </c>
      <c r="D2585">
        <v>341.65799999999996</v>
      </c>
    </row>
    <row r="2586" spans="1:4" x14ac:dyDescent="0.25">
      <c r="A2586" s="1">
        <v>41884</v>
      </c>
      <c r="B2586" s="2">
        <v>0.25578703703703703</v>
      </c>
      <c r="C2586">
        <v>170.89559999999997</v>
      </c>
      <c r="D2586">
        <v>341.79119999999995</v>
      </c>
    </row>
    <row r="2587" spans="1:4" x14ac:dyDescent="0.25">
      <c r="A2587" s="1">
        <v>41884</v>
      </c>
      <c r="B2587" s="2">
        <v>0.291875</v>
      </c>
      <c r="C2587">
        <v>170.9622</v>
      </c>
      <c r="D2587">
        <v>341.92439999999999</v>
      </c>
    </row>
    <row r="2588" spans="1:4" x14ac:dyDescent="0.25">
      <c r="A2588" s="1">
        <v>41884</v>
      </c>
      <c r="B2588" s="2">
        <v>0.32739583333333333</v>
      </c>
      <c r="C2588">
        <v>171.02879999999999</v>
      </c>
      <c r="D2588">
        <v>342.05759999999998</v>
      </c>
    </row>
    <row r="2589" spans="1:4" x14ac:dyDescent="0.25">
      <c r="A2589" s="1">
        <v>41884</v>
      </c>
      <c r="B2589" s="2">
        <v>0.36622685185185189</v>
      </c>
      <c r="C2589">
        <v>171.09539999999998</v>
      </c>
      <c r="D2589">
        <v>342.19079999999997</v>
      </c>
    </row>
    <row r="2590" spans="1:4" x14ac:dyDescent="0.25">
      <c r="A2590" s="1">
        <v>41884</v>
      </c>
      <c r="B2590" s="2">
        <v>0.4031481481481482</v>
      </c>
      <c r="C2590">
        <v>171.16199999999998</v>
      </c>
      <c r="D2590">
        <v>342.32399999999996</v>
      </c>
    </row>
    <row r="2591" spans="1:4" x14ac:dyDescent="0.25">
      <c r="A2591" s="1">
        <v>41884</v>
      </c>
      <c r="B2591" s="2">
        <v>0.44483796296296302</v>
      </c>
      <c r="C2591">
        <v>171.22859999999997</v>
      </c>
      <c r="D2591">
        <v>342.45719999999994</v>
      </c>
    </row>
    <row r="2592" spans="1:4" x14ac:dyDescent="0.25">
      <c r="A2592" s="1">
        <v>41884</v>
      </c>
      <c r="B2592" s="2">
        <v>0.48019675925925925</v>
      </c>
      <c r="C2592">
        <v>171.29519999999999</v>
      </c>
      <c r="D2592">
        <v>342.59039999999999</v>
      </c>
    </row>
    <row r="2593" spans="1:4" x14ac:dyDescent="0.25">
      <c r="A2593" s="1">
        <v>41884</v>
      </c>
      <c r="B2593" s="2">
        <v>0.51218750000000002</v>
      </c>
      <c r="C2593">
        <v>171.36179999999999</v>
      </c>
      <c r="D2593">
        <v>342.72359999999998</v>
      </c>
    </row>
    <row r="2594" spans="1:4" x14ac:dyDescent="0.25">
      <c r="A2594" s="1">
        <v>41884</v>
      </c>
      <c r="B2594" s="2">
        <v>0.54350694444444447</v>
      </c>
      <c r="C2594">
        <v>171.42839999999998</v>
      </c>
      <c r="D2594">
        <v>342.85679999999996</v>
      </c>
    </row>
    <row r="2595" spans="1:4" x14ac:dyDescent="0.25">
      <c r="A2595" s="1">
        <v>41884</v>
      </c>
      <c r="B2595" s="2">
        <v>0.5739467592592592</v>
      </c>
      <c r="C2595">
        <v>171.49499999999998</v>
      </c>
      <c r="D2595">
        <v>342.98999999999995</v>
      </c>
    </row>
    <row r="2596" spans="1:4" x14ac:dyDescent="0.25">
      <c r="A2596" s="1">
        <v>41884</v>
      </c>
      <c r="B2596" s="2">
        <v>0.59218749999999998</v>
      </c>
      <c r="C2596">
        <v>171.56159999999997</v>
      </c>
      <c r="D2596">
        <v>343.12319999999994</v>
      </c>
    </row>
    <row r="2597" spans="1:4" x14ac:dyDescent="0.25">
      <c r="A2597" s="1">
        <v>41884</v>
      </c>
      <c r="B2597" s="2">
        <v>0.6023263888888889</v>
      </c>
      <c r="C2597">
        <v>171.62819999999999</v>
      </c>
      <c r="D2597">
        <v>343.25639999999999</v>
      </c>
    </row>
    <row r="2598" spans="1:4" x14ac:dyDescent="0.25">
      <c r="A2598" s="1">
        <v>41884</v>
      </c>
      <c r="B2598" s="2">
        <v>0.60853009259259261</v>
      </c>
      <c r="C2598">
        <v>171.69479999999999</v>
      </c>
      <c r="D2598">
        <v>343.38959999999997</v>
      </c>
    </row>
    <row r="2599" spans="1:4" x14ac:dyDescent="0.25">
      <c r="A2599" s="1">
        <v>41884</v>
      </c>
      <c r="B2599" s="2">
        <v>0.61351851851851846</v>
      </c>
      <c r="C2599">
        <v>171.76139999999998</v>
      </c>
      <c r="D2599">
        <v>343.52279999999996</v>
      </c>
    </row>
    <row r="2600" spans="1:4" x14ac:dyDescent="0.25">
      <c r="A2600" s="1">
        <v>41884</v>
      </c>
      <c r="B2600" s="2">
        <v>0.61814814814814811</v>
      </c>
      <c r="C2600">
        <v>171.82799999999997</v>
      </c>
      <c r="D2600">
        <v>343.65599999999995</v>
      </c>
    </row>
    <row r="2601" spans="1:4" x14ac:dyDescent="0.25">
      <c r="A2601" s="1">
        <v>41884</v>
      </c>
      <c r="B2601" s="2">
        <v>0.62233796296296295</v>
      </c>
      <c r="C2601">
        <v>171.89459999999997</v>
      </c>
      <c r="D2601">
        <v>343.78919999999994</v>
      </c>
    </row>
    <row r="2602" spans="1:4" x14ac:dyDescent="0.25">
      <c r="A2602" s="1">
        <v>41884</v>
      </c>
      <c r="B2602" s="2">
        <v>0.62616898148148148</v>
      </c>
      <c r="C2602">
        <v>171.96119999999999</v>
      </c>
      <c r="D2602">
        <v>343.92239999999998</v>
      </c>
    </row>
    <row r="2603" spans="1:4" x14ac:dyDescent="0.25">
      <c r="A2603" s="1">
        <v>41884</v>
      </c>
      <c r="B2603" s="2">
        <v>0.62945601851851851</v>
      </c>
      <c r="C2603">
        <v>172.02779999999998</v>
      </c>
      <c r="D2603">
        <v>344.05559999999997</v>
      </c>
    </row>
    <row r="2604" spans="1:4" x14ac:dyDescent="0.25">
      <c r="A2604" s="1">
        <v>41884</v>
      </c>
      <c r="B2604" s="2">
        <v>0.63246527777777783</v>
      </c>
      <c r="C2604">
        <v>172.09440000000001</v>
      </c>
      <c r="D2604">
        <v>344.18880000000001</v>
      </c>
    </row>
    <row r="2605" spans="1:4" x14ac:dyDescent="0.25">
      <c r="A2605" s="1">
        <v>41884</v>
      </c>
      <c r="B2605" s="2">
        <v>0.63515046296296296</v>
      </c>
      <c r="C2605">
        <v>172.16099999999997</v>
      </c>
      <c r="D2605">
        <v>344.32199999999995</v>
      </c>
    </row>
    <row r="2606" spans="1:4" x14ac:dyDescent="0.25">
      <c r="A2606" s="1">
        <v>41884</v>
      </c>
      <c r="B2606" s="2">
        <v>0.63774305555555555</v>
      </c>
      <c r="C2606">
        <v>172.22759999999997</v>
      </c>
      <c r="D2606">
        <v>344.45519999999993</v>
      </c>
    </row>
    <row r="2607" spans="1:4" x14ac:dyDescent="0.25">
      <c r="A2607" s="1">
        <v>41884</v>
      </c>
      <c r="B2607" s="2">
        <v>0.64015046296296296</v>
      </c>
      <c r="C2607">
        <v>172.29419999999999</v>
      </c>
      <c r="D2607">
        <v>344.58839999999998</v>
      </c>
    </row>
    <row r="2608" spans="1:4" x14ac:dyDescent="0.25">
      <c r="A2608" s="1">
        <v>41884</v>
      </c>
      <c r="B2608" s="2">
        <v>0.64255787037037038</v>
      </c>
      <c r="C2608">
        <v>172.36079999999998</v>
      </c>
      <c r="D2608">
        <v>344.72159999999997</v>
      </c>
    </row>
    <row r="2609" spans="1:4" x14ac:dyDescent="0.25">
      <c r="A2609" s="1">
        <v>41884</v>
      </c>
      <c r="B2609" s="2">
        <v>0.64487268518518526</v>
      </c>
      <c r="C2609">
        <v>172.42740000000001</v>
      </c>
      <c r="D2609">
        <v>344.85480000000001</v>
      </c>
    </row>
    <row r="2610" spans="1:4" x14ac:dyDescent="0.25">
      <c r="A2610" s="1">
        <v>41884</v>
      </c>
      <c r="B2610" s="2">
        <v>0.64725694444444437</v>
      </c>
      <c r="C2610">
        <v>172.49399999999997</v>
      </c>
      <c r="D2610">
        <v>344.98799999999994</v>
      </c>
    </row>
    <row r="2611" spans="1:4" x14ac:dyDescent="0.25">
      <c r="A2611" s="1">
        <v>41884</v>
      </c>
      <c r="B2611" s="2">
        <v>0.64958333333333329</v>
      </c>
      <c r="C2611">
        <v>172.56059999999997</v>
      </c>
      <c r="D2611">
        <v>345.12119999999993</v>
      </c>
    </row>
    <row r="2612" spans="1:4" x14ac:dyDescent="0.25">
      <c r="A2612" s="1">
        <v>41884</v>
      </c>
      <c r="B2612" s="2">
        <v>0.65197916666666667</v>
      </c>
      <c r="C2612">
        <v>172.62719999999999</v>
      </c>
      <c r="D2612">
        <v>345.25439999999998</v>
      </c>
    </row>
    <row r="2613" spans="1:4" x14ac:dyDescent="0.25">
      <c r="A2613" s="1">
        <v>41884</v>
      </c>
      <c r="B2613" s="2">
        <v>0.65431712962962962</v>
      </c>
      <c r="C2613">
        <v>172.69379999999998</v>
      </c>
      <c r="D2613">
        <v>345.38759999999996</v>
      </c>
    </row>
    <row r="2614" spans="1:4" x14ac:dyDescent="0.25">
      <c r="A2614" s="1">
        <v>41884</v>
      </c>
      <c r="B2614" s="2">
        <v>0.65673611111111108</v>
      </c>
      <c r="C2614">
        <v>172.7604</v>
      </c>
      <c r="D2614">
        <v>345.52080000000001</v>
      </c>
    </row>
    <row r="2615" spans="1:4" x14ac:dyDescent="0.25">
      <c r="A2615" s="1">
        <v>41884</v>
      </c>
      <c r="B2615" s="2">
        <v>0.6590625</v>
      </c>
      <c r="C2615">
        <v>172.82699999999997</v>
      </c>
      <c r="D2615">
        <v>345.65399999999994</v>
      </c>
    </row>
    <row r="2616" spans="1:4" x14ac:dyDescent="0.25">
      <c r="A2616" s="1">
        <v>41884</v>
      </c>
      <c r="B2616" s="2">
        <v>0.66150462962962964</v>
      </c>
      <c r="C2616">
        <v>172.89359999999996</v>
      </c>
      <c r="D2616">
        <v>345.78719999999993</v>
      </c>
    </row>
    <row r="2617" spans="1:4" x14ac:dyDescent="0.25">
      <c r="A2617" s="1">
        <v>41884</v>
      </c>
      <c r="B2617" s="2">
        <v>0.66385416666666663</v>
      </c>
      <c r="C2617">
        <v>172.96019999999999</v>
      </c>
      <c r="D2617">
        <v>345.92039999999997</v>
      </c>
    </row>
    <row r="2618" spans="1:4" x14ac:dyDescent="0.25">
      <c r="A2618" s="1">
        <v>41884</v>
      </c>
      <c r="B2618" s="2">
        <v>0.66637731481481477</v>
      </c>
      <c r="C2618">
        <v>173.02679999999998</v>
      </c>
      <c r="D2618">
        <v>346.05359999999996</v>
      </c>
    </row>
    <row r="2619" spans="1:4" x14ac:dyDescent="0.25">
      <c r="A2619" s="1">
        <v>41884</v>
      </c>
      <c r="B2619" s="2">
        <v>0.66880787037037026</v>
      </c>
      <c r="C2619">
        <v>173.0934</v>
      </c>
      <c r="D2619">
        <v>346.18680000000001</v>
      </c>
    </row>
    <row r="2620" spans="1:4" x14ac:dyDescent="0.25">
      <c r="A2620" s="1">
        <v>41884</v>
      </c>
      <c r="B2620" s="2">
        <v>0.67140046296296296</v>
      </c>
      <c r="C2620">
        <v>173.15999999999997</v>
      </c>
      <c r="D2620">
        <v>346.31999999999994</v>
      </c>
    </row>
    <row r="2621" spans="1:4" x14ac:dyDescent="0.25">
      <c r="A2621" s="1">
        <v>41884</v>
      </c>
      <c r="B2621" s="2">
        <v>0.67390046296296291</v>
      </c>
      <c r="C2621">
        <v>173.22659999999999</v>
      </c>
      <c r="D2621">
        <v>346.45319999999998</v>
      </c>
    </row>
    <row r="2622" spans="1:4" x14ac:dyDescent="0.25">
      <c r="A2622" s="1">
        <v>41884</v>
      </c>
      <c r="B2622" s="2">
        <v>0.67656250000000007</v>
      </c>
      <c r="C2622">
        <v>173.29319999999998</v>
      </c>
      <c r="D2622">
        <v>346.58639999999997</v>
      </c>
    </row>
    <row r="2623" spans="1:4" x14ac:dyDescent="0.25">
      <c r="A2623" s="1">
        <v>41884</v>
      </c>
      <c r="B2623" s="2">
        <v>0.67914351851851851</v>
      </c>
      <c r="C2623">
        <v>173.35979999999998</v>
      </c>
      <c r="D2623">
        <v>346.71959999999996</v>
      </c>
    </row>
    <row r="2624" spans="1:4" x14ac:dyDescent="0.25">
      <c r="A2624" s="1">
        <v>41884</v>
      </c>
      <c r="B2624" s="2">
        <v>0.6818749999999999</v>
      </c>
      <c r="C2624">
        <v>173.4264</v>
      </c>
      <c r="D2624">
        <v>346.8528</v>
      </c>
    </row>
    <row r="2625" spans="1:4" x14ac:dyDescent="0.25">
      <c r="A2625" s="1">
        <v>41884</v>
      </c>
      <c r="B2625" s="2">
        <v>0.68447916666666664</v>
      </c>
      <c r="C2625">
        <v>173.49299999999997</v>
      </c>
      <c r="D2625">
        <v>346.98599999999993</v>
      </c>
    </row>
    <row r="2626" spans="1:4" x14ac:dyDescent="0.25">
      <c r="A2626" s="1">
        <v>41884</v>
      </c>
      <c r="B2626" s="2">
        <v>0.68725694444444441</v>
      </c>
      <c r="C2626">
        <v>173.55959999999999</v>
      </c>
      <c r="D2626">
        <v>347.11919999999998</v>
      </c>
    </row>
    <row r="2627" spans="1:4" x14ac:dyDescent="0.25">
      <c r="A2627" s="1">
        <v>41884</v>
      </c>
      <c r="B2627" s="2">
        <v>0.68994212962962964</v>
      </c>
      <c r="C2627">
        <v>173.62619999999998</v>
      </c>
      <c r="D2627">
        <v>347.25239999999997</v>
      </c>
    </row>
    <row r="2628" spans="1:4" x14ac:dyDescent="0.25">
      <c r="A2628" s="1">
        <v>41884</v>
      </c>
      <c r="B2628" s="2">
        <v>0.69282407407407398</v>
      </c>
      <c r="C2628">
        <v>173.69279999999998</v>
      </c>
      <c r="D2628">
        <v>347.38559999999995</v>
      </c>
    </row>
    <row r="2629" spans="1:4" x14ac:dyDescent="0.25">
      <c r="A2629" s="1">
        <v>41884</v>
      </c>
      <c r="B2629" s="2">
        <v>0.69557870370370367</v>
      </c>
      <c r="C2629">
        <v>173.7594</v>
      </c>
      <c r="D2629">
        <v>347.5188</v>
      </c>
    </row>
    <row r="2630" spans="1:4" x14ac:dyDescent="0.25">
      <c r="A2630" s="1">
        <v>41884</v>
      </c>
      <c r="B2630" s="2">
        <v>0.69856481481481481</v>
      </c>
      <c r="C2630">
        <v>173.82599999999996</v>
      </c>
      <c r="D2630">
        <v>347.65199999999993</v>
      </c>
    </row>
    <row r="2631" spans="1:4" x14ac:dyDescent="0.25">
      <c r="A2631" s="1">
        <v>41884</v>
      </c>
      <c r="B2631" s="2">
        <v>0.70143518518518511</v>
      </c>
      <c r="C2631">
        <v>173.89259999999999</v>
      </c>
      <c r="D2631">
        <v>347.78519999999997</v>
      </c>
    </row>
    <row r="2632" spans="1:4" x14ac:dyDescent="0.25">
      <c r="A2632" s="1">
        <v>41884</v>
      </c>
      <c r="B2632" s="2">
        <v>0.70452546296296292</v>
      </c>
      <c r="C2632">
        <v>173.95919999999998</v>
      </c>
      <c r="D2632">
        <v>347.91839999999996</v>
      </c>
    </row>
    <row r="2633" spans="1:4" x14ac:dyDescent="0.25">
      <c r="A2633" s="1">
        <v>41884</v>
      </c>
      <c r="B2633" s="2">
        <v>0.70751157407407417</v>
      </c>
      <c r="C2633">
        <v>174.02579999999998</v>
      </c>
      <c r="D2633">
        <v>348.05159999999995</v>
      </c>
    </row>
    <row r="2634" spans="1:4" x14ac:dyDescent="0.25">
      <c r="A2634" s="1">
        <v>41884</v>
      </c>
      <c r="B2634" s="2">
        <v>0.71075231481481482</v>
      </c>
      <c r="C2634">
        <v>174.0924</v>
      </c>
      <c r="D2634">
        <v>348.1848</v>
      </c>
    </row>
    <row r="2635" spans="1:4" x14ac:dyDescent="0.25">
      <c r="A2635" s="1">
        <v>41884</v>
      </c>
      <c r="B2635" s="2">
        <v>0.71388888888888891</v>
      </c>
      <c r="C2635">
        <v>174.15899999999996</v>
      </c>
      <c r="D2635">
        <v>348.31799999999993</v>
      </c>
    </row>
    <row r="2636" spans="1:4" x14ac:dyDescent="0.25">
      <c r="A2636" s="1">
        <v>41884</v>
      </c>
      <c r="B2636" s="2">
        <v>0.71731481481481485</v>
      </c>
      <c r="C2636">
        <v>174.22559999999999</v>
      </c>
      <c r="D2636">
        <v>348.45119999999997</v>
      </c>
    </row>
    <row r="2637" spans="1:4" x14ac:dyDescent="0.25">
      <c r="A2637" s="1">
        <v>41884</v>
      </c>
      <c r="B2637" s="2">
        <v>0.720636574074074</v>
      </c>
      <c r="C2637">
        <v>174.29219999999998</v>
      </c>
      <c r="D2637">
        <v>348.58439999999996</v>
      </c>
    </row>
    <row r="2638" spans="1:4" x14ac:dyDescent="0.25">
      <c r="A2638" s="1">
        <v>41884</v>
      </c>
      <c r="B2638" s="2">
        <v>0.72428240740740746</v>
      </c>
      <c r="C2638">
        <v>174.3588</v>
      </c>
      <c r="D2638">
        <v>348.7176</v>
      </c>
    </row>
    <row r="2639" spans="1:4" x14ac:dyDescent="0.25">
      <c r="A2639" s="1">
        <v>41884</v>
      </c>
      <c r="B2639" s="2">
        <v>0.72775462962962967</v>
      </c>
      <c r="C2639">
        <v>174.4254</v>
      </c>
      <c r="D2639">
        <v>348.85079999999999</v>
      </c>
    </row>
    <row r="2640" spans="1:4" x14ac:dyDescent="0.25">
      <c r="A2640" s="1">
        <v>41884</v>
      </c>
      <c r="B2640" s="2">
        <v>0.73163194444444446</v>
      </c>
      <c r="C2640">
        <v>174.49199999999996</v>
      </c>
      <c r="D2640">
        <v>348.98399999999992</v>
      </c>
    </row>
    <row r="2641" spans="1:4" x14ac:dyDescent="0.25">
      <c r="A2641" s="1">
        <v>41884</v>
      </c>
      <c r="B2641" s="2">
        <v>0.73534722222222226</v>
      </c>
      <c r="C2641">
        <v>174.55859999999998</v>
      </c>
      <c r="D2641">
        <v>349.11719999999997</v>
      </c>
    </row>
    <row r="2642" spans="1:4" x14ac:dyDescent="0.25">
      <c r="A2642" s="1">
        <v>41884</v>
      </c>
      <c r="B2642" s="2">
        <v>0.73947916666666658</v>
      </c>
      <c r="C2642">
        <v>174.62519999999998</v>
      </c>
      <c r="D2642">
        <v>349.25039999999996</v>
      </c>
    </row>
    <row r="2643" spans="1:4" x14ac:dyDescent="0.25">
      <c r="A2643" s="1">
        <v>41884</v>
      </c>
      <c r="B2643" s="2">
        <v>0.74348379629629635</v>
      </c>
      <c r="C2643">
        <v>174.6918</v>
      </c>
      <c r="D2643">
        <v>349.3836</v>
      </c>
    </row>
    <row r="2644" spans="1:4" x14ac:dyDescent="0.25">
      <c r="A2644" s="1">
        <v>41884</v>
      </c>
      <c r="B2644" s="2">
        <v>0.74790509259259252</v>
      </c>
      <c r="C2644">
        <v>174.75839999999999</v>
      </c>
      <c r="D2644">
        <v>349.51679999999999</v>
      </c>
    </row>
    <row r="2645" spans="1:4" x14ac:dyDescent="0.25">
      <c r="A2645" s="1">
        <v>41884</v>
      </c>
      <c r="B2645" s="2">
        <v>0.75217592592592597</v>
      </c>
      <c r="C2645">
        <v>174.82499999999996</v>
      </c>
      <c r="D2645">
        <v>349.64999999999992</v>
      </c>
    </row>
    <row r="2646" spans="1:4" x14ac:dyDescent="0.25">
      <c r="A2646" s="1">
        <v>41884</v>
      </c>
      <c r="B2646" s="2">
        <v>0.75694444444444453</v>
      </c>
      <c r="C2646">
        <v>174.89159999999998</v>
      </c>
      <c r="D2646">
        <v>349.78319999999997</v>
      </c>
    </row>
    <row r="2647" spans="1:4" x14ac:dyDescent="0.25">
      <c r="A2647" s="1">
        <v>41884</v>
      </c>
      <c r="B2647" s="2">
        <v>0.76155092592592588</v>
      </c>
      <c r="C2647">
        <v>174.95819999999998</v>
      </c>
      <c r="D2647">
        <v>349.91639999999995</v>
      </c>
    </row>
    <row r="2648" spans="1:4" x14ac:dyDescent="0.25">
      <c r="A2648" s="1">
        <v>41884</v>
      </c>
      <c r="B2648" s="2">
        <v>0.7666087962962963</v>
      </c>
      <c r="C2648">
        <v>175.0248</v>
      </c>
      <c r="D2648">
        <v>350.0496</v>
      </c>
    </row>
    <row r="2649" spans="1:4" x14ac:dyDescent="0.25">
      <c r="A2649" s="1">
        <v>41884</v>
      </c>
      <c r="B2649" s="2">
        <v>0.77156249999999993</v>
      </c>
      <c r="C2649">
        <v>175.09139999999999</v>
      </c>
      <c r="D2649">
        <v>350.18279999999999</v>
      </c>
    </row>
    <row r="2650" spans="1:4" x14ac:dyDescent="0.25">
      <c r="A2650" s="1">
        <v>41884</v>
      </c>
      <c r="B2650" s="2">
        <v>0.7769328703703704</v>
      </c>
      <c r="C2650">
        <v>175.15799999999996</v>
      </c>
      <c r="D2650">
        <v>350.31599999999992</v>
      </c>
    </row>
    <row r="2651" spans="1:4" x14ac:dyDescent="0.25">
      <c r="A2651" s="1">
        <v>41884</v>
      </c>
      <c r="B2651" s="2">
        <v>0.7822337962962963</v>
      </c>
      <c r="C2651">
        <v>175.22459999999998</v>
      </c>
      <c r="D2651">
        <v>350.44919999999996</v>
      </c>
    </row>
    <row r="2652" spans="1:4" x14ac:dyDescent="0.25">
      <c r="A2652" s="1">
        <v>41884</v>
      </c>
      <c r="B2652" s="2">
        <v>0.78806712962962966</v>
      </c>
      <c r="C2652">
        <v>175.29119999999998</v>
      </c>
      <c r="D2652">
        <v>350.58239999999995</v>
      </c>
    </row>
    <row r="2653" spans="1:4" x14ac:dyDescent="0.25">
      <c r="A2653" s="1">
        <v>41884</v>
      </c>
      <c r="B2653" s="2">
        <v>0.79383101851851856</v>
      </c>
      <c r="C2653">
        <v>175.3578</v>
      </c>
      <c r="D2653">
        <v>350.71559999999999</v>
      </c>
    </row>
    <row r="2654" spans="1:4" x14ac:dyDescent="0.25">
      <c r="A2654" s="1">
        <v>41884</v>
      </c>
      <c r="B2654" s="2">
        <v>0.80013888888888884</v>
      </c>
      <c r="C2654">
        <v>175.42439999999999</v>
      </c>
      <c r="D2654">
        <v>350.84879999999998</v>
      </c>
    </row>
    <row r="2655" spans="1:4" x14ac:dyDescent="0.25">
      <c r="A2655" s="1">
        <v>41884</v>
      </c>
      <c r="B2655" s="2">
        <v>0.8062731481481481</v>
      </c>
      <c r="C2655">
        <v>175.49099999999996</v>
      </c>
      <c r="D2655">
        <v>350.98199999999991</v>
      </c>
    </row>
    <row r="2656" spans="1:4" x14ac:dyDescent="0.25">
      <c r="A2656" s="1">
        <v>41884</v>
      </c>
      <c r="B2656" s="2">
        <v>0.8130208333333333</v>
      </c>
      <c r="C2656">
        <v>175.55759999999998</v>
      </c>
      <c r="D2656">
        <v>351.11519999999996</v>
      </c>
    </row>
    <row r="2657" spans="1:4" x14ac:dyDescent="0.25">
      <c r="A2657" s="1">
        <v>41884</v>
      </c>
      <c r="B2657" s="2">
        <v>0.81960648148148152</v>
      </c>
      <c r="C2657">
        <v>175.62419999999997</v>
      </c>
      <c r="D2657">
        <v>351.24839999999995</v>
      </c>
    </row>
    <row r="2658" spans="1:4" x14ac:dyDescent="0.25">
      <c r="A2658" s="1">
        <v>41884</v>
      </c>
      <c r="B2658" s="2">
        <v>0.82694444444444448</v>
      </c>
      <c r="C2658">
        <v>175.6908</v>
      </c>
      <c r="D2658">
        <v>351.38159999999999</v>
      </c>
    </row>
    <row r="2659" spans="1:4" x14ac:dyDescent="0.25">
      <c r="A2659" s="1">
        <v>41884</v>
      </c>
      <c r="B2659" s="2">
        <v>0.834050925925926</v>
      </c>
      <c r="C2659">
        <v>175.75739999999999</v>
      </c>
      <c r="D2659">
        <v>351.51479999999998</v>
      </c>
    </row>
    <row r="2660" spans="1:4" x14ac:dyDescent="0.25">
      <c r="A2660" s="1">
        <v>41884</v>
      </c>
      <c r="B2660" s="2">
        <v>0.84181712962962962</v>
      </c>
      <c r="C2660">
        <v>175.82399999999998</v>
      </c>
      <c r="D2660">
        <v>351.64799999999997</v>
      </c>
    </row>
    <row r="2661" spans="1:4" x14ac:dyDescent="0.25">
      <c r="A2661" s="1">
        <v>41884</v>
      </c>
      <c r="B2661" s="2">
        <v>0.84946759259259252</v>
      </c>
      <c r="C2661">
        <v>175.89059999999998</v>
      </c>
      <c r="D2661">
        <v>351.78119999999996</v>
      </c>
    </row>
    <row r="2662" spans="1:4" x14ac:dyDescent="0.25">
      <c r="A2662" s="1">
        <v>41884</v>
      </c>
      <c r="B2662" s="2">
        <v>0.8577662037037036</v>
      </c>
      <c r="C2662">
        <v>175.95719999999997</v>
      </c>
      <c r="D2662">
        <v>351.91439999999994</v>
      </c>
    </row>
    <row r="2663" spans="1:4" x14ac:dyDescent="0.25">
      <c r="A2663" s="1">
        <v>41884</v>
      </c>
      <c r="B2663" s="2">
        <v>0.86587962962962972</v>
      </c>
      <c r="C2663">
        <v>176.02379999999999</v>
      </c>
      <c r="D2663">
        <v>352.04759999999999</v>
      </c>
    </row>
    <row r="2664" spans="1:4" x14ac:dyDescent="0.25">
      <c r="A2664" s="1">
        <v>41884</v>
      </c>
      <c r="B2664" s="2">
        <v>0.87450231481481477</v>
      </c>
      <c r="C2664">
        <v>176.09039999999999</v>
      </c>
      <c r="D2664">
        <v>352.18079999999998</v>
      </c>
    </row>
    <row r="2665" spans="1:4" x14ac:dyDescent="0.25">
      <c r="A2665" s="1">
        <v>41884</v>
      </c>
      <c r="B2665" s="2">
        <v>0.88295138888888891</v>
      </c>
      <c r="C2665">
        <v>176.15699999999998</v>
      </c>
      <c r="D2665">
        <v>352.31399999999996</v>
      </c>
    </row>
    <row r="2666" spans="1:4" x14ac:dyDescent="0.25">
      <c r="A2666" s="1">
        <v>41884</v>
      </c>
      <c r="B2666" s="2">
        <v>0.89178240740740744</v>
      </c>
      <c r="C2666">
        <v>176.22359999999998</v>
      </c>
      <c r="D2666">
        <v>352.44719999999995</v>
      </c>
    </row>
    <row r="2667" spans="1:4" x14ac:dyDescent="0.25">
      <c r="A2667" s="1">
        <v>41884</v>
      </c>
      <c r="B2667" s="2">
        <v>0.9003472222222223</v>
      </c>
      <c r="C2667">
        <v>176.29019999999997</v>
      </c>
      <c r="D2667">
        <v>352.58039999999994</v>
      </c>
    </row>
    <row r="2668" spans="1:4" x14ac:dyDescent="0.25">
      <c r="A2668" s="1">
        <v>41884</v>
      </c>
      <c r="B2668" s="2">
        <v>0.90940972222222216</v>
      </c>
      <c r="C2668">
        <v>176.35679999999999</v>
      </c>
      <c r="D2668">
        <v>352.71359999999999</v>
      </c>
    </row>
    <row r="2669" spans="1:4" x14ac:dyDescent="0.25">
      <c r="A2669" s="1">
        <v>41884</v>
      </c>
      <c r="B2669" s="2">
        <v>0.91814814814814805</v>
      </c>
      <c r="C2669">
        <v>176.42339999999999</v>
      </c>
      <c r="D2669">
        <v>352.84679999999997</v>
      </c>
    </row>
    <row r="2670" spans="1:4" x14ac:dyDescent="0.25">
      <c r="A2670" s="1">
        <v>41884</v>
      </c>
      <c r="B2670" s="2">
        <v>0.92744212962962969</v>
      </c>
      <c r="C2670">
        <v>176.48999999999998</v>
      </c>
      <c r="D2670">
        <v>352.97999999999996</v>
      </c>
    </row>
    <row r="2671" spans="1:4" x14ac:dyDescent="0.25">
      <c r="A2671" s="1">
        <v>41884</v>
      </c>
      <c r="B2671" s="2">
        <v>0.93612268518518515</v>
      </c>
      <c r="C2671">
        <v>176.55659999999997</v>
      </c>
      <c r="D2671">
        <v>353.11319999999995</v>
      </c>
    </row>
    <row r="2672" spans="1:4" x14ac:dyDescent="0.25">
      <c r="A2672" s="1">
        <v>41884</v>
      </c>
      <c r="B2672" s="2">
        <v>0.94516203703703694</v>
      </c>
      <c r="C2672">
        <v>176.62319999999997</v>
      </c>
      <c r="D2672">
        <v>353.24639999999994</v>
      </c>
    </row>
    <row r="2673" spans="1:4" x14ac:dyDescent="0.25">
      <c r="A2673" s="1">
        <v>41884</v>
      </c>
      <c r="B2673" s="2">
        <v>0.95402777777777781</v>
      </c>
      <c r="C2673">
        <v>176.68979999999999</v>
      </c>
      <c r="D2673">
        <v>353.37959999999998</v>
      </c>
    </row>
    <row r="2674" spans="1:4" x14ac:dyDescent="0.25">
      <c r="A2674" s="1">
        <v>41884</v>
      </c>
      <c r="B2674" s="2">
        <v>0.96324074074074073</v>
      </c>
      <c r="C2674">
        <v>176.75639999999999</v>
      </c>
      <c r="D2674">
        <v>353.51279999999997</v>
      </c>
    </row>
    <row r="2675" spans="1:4" x14ac:dyDescent="0.25">
      <c r="A2675" s="1">
        <v>41884</v>
      </c>
      <c r="B2675" s="2">
        <v>0.97200231481481481</v>
      </c>
      <c r="C2675">
        <v>176.82299999999998</v>
      </c>
      <c r="D2675">
        <v>353.64599999999996</v>
      </c>
    </row>
    <row r="2676" spans="1:4" x14ac:dyDescent="0.25">
      <c r="A2676" s="1">
        <v>41884</v>
      </c>
      <c r="B2676" s="2">
        <v>0.98136574074074068</v>
      </c>
      <c r="C2676">
        <v>176.88959999999997</v>
      </c>
      <c r="D2676">
        <v>353.77919999999995</v>
      </c>
    </row>
    <row r="2677" spans="1:4" x14ac:dyDescent="0.25">
      <c r="A2677" s="1">
        <v>41884</v>
      </c>
      <c r="B2677" s="2">
        <v>0.99013888888888879</v>
      </c>
      <c r="C2677">
        <v>176.9562</v>
      </c>
      <c r="D2677">
        <v>353.91239999999999</v>
      </c>
    </row>
    <row r="2678" spans="1:4" x14ac:dyDescent="0.25">
      <c r="A2678" s="1">
        <v>41884</v>
      </c>
      <c r="B2678" s="2">
        <v>0.99944444444444447</v>
      </c>
      <c r="C2678">
        <v>177.02279999999999</v>
      </c>
      <c r="D2678">
        <v>354.04559999999998</v>
      </c>
    </row>
    <row r="2679" spans="1:4" x14ac:dyDescent="0.25">
      <c r="A2679" s="1">
        <v>41885</v>
      </c>
      <c r="B2679" s="2">
        <v>8.1712962962962963E-3</v>
      </c>
      <c r="C2679">
        <v>177.08939999999998</v>
      </c>
      <c r="D2679">
        <v>354.17879999999997</v>
      </c>
    </row>
    <row r="2680" spans="1:4" x14ac:dyDescent="0.25">
      <c r="A2680" s="1">
        <v>41885</v>
      </c>
      <c r="B2680" s="2">
        <v>1.7569444444444447E-2</v>
      </c>
      <c r="C2680">
        <v>177.15599999999998</v>
      </c>
      <c r="D2680">
        <v>354.31199999999995</v>
      </c>
    </row>
    <row r="2681" spans="1:4" x14ac:dyDescent="0.25">
      <c r="A2681" s="1">
        <v>41885</v>
      </c>
      <c r="B2681" s="2">
        <v>2.6261574074074076E-2</v>
      </c>
      <c r="C2681">
        <v>177.22259999999997</v>
      </c>
      <c r="D2681">
        <v>354.44519999999994</v>
      </c>
    </row>
    <row r="2682" spans="1:4" x14ac:dyDescent="0.25">
      <c r="A2682" s="1">
        <v>41885</v>
      </c>
      <c r="B2682" s="2">
        <v>3.5624999999999997E-2</v>
      </c>
      <c r="C2682">
        <v>177.28919999999999</v>
      </c>
      <c r="D2682">
        <v>354.57839999999999</v>
      </c>
    </row>
    <row r="2683" spans="1:4" x14ac:dyDescent="0.25">
      <c r="A2683" s="1">
        <v>41885</v>
      </c>
      <c r="B2683" s="2">
        <v>4.4351851851851858E-2</v>
      </c>
      <c r="C2683">
        <v>177.35579999999999</v>
      </c>
      <c r="D2683">
        <v>354.71159999999998</v>
      </c>
    </row>
    <row r="2684" spans="1:4" x14ac:dyDescent="0.25">
      <c r="A2684" s="1">
        <v>41885</v>
      </c>
      <c r="B2684" s="2">
        <v>5.3564814814814815E-2</v>
      </c>
      <c r="C2684">
        <v>177.42239999999998</v>
      </c>
      <c r="D2684">
        <v>354.84479999999996</v>
      </c>
    </row>
    <row r="2685" spans="1:4" x14ac:dyDescent="0.25">
      <c r="A2685" s="1">
        <v>41885</v>
      </c>
      <c r="B2685" s="2">
        <v>6.2418981481481478E-2</v>
      </c>
      <c r="C2685">
        <v>177.48899999999998</v>
      </c>
      <c r="D2685">
        <v>354.97799999999995</v>
      </c>
    </row>
    <row r="2686" spans="1:4" x14ac:dyDescent="0.25">
      <c r="A2686" s="1">
        <v>41885</v>
      </c>
      <c r="B2686" s="2">
        <v>7.1875000000000008E-2</v>
      </c>
      <c r="C2686">
        <v>177.55559999999997</v>
      </c>
      <c r="D2686">
        <v>355.11119999999994</v>
      </c>
    </row>
    <row r="2687" spans="1:4" x14ac:dyDescent="0.25">
      <c r="A2687" s="1">
        <v>41885</v>
      </c>
      <c r="B2687" s="2">
        <v>8.082175925925926E-2</v>
      </c>
      <c r="C2687">
        <v>177.62219999999999</v>
      </c>
      <c r="D2687">
        <v>355.24439999999998</v>
      </c>
    </row>
    <row r="2688" spans="1:4" x14ac:dyDescent="0.25">
      <c r="A2688" s="1">
        <v>41885</v>
      </c>
      <c r="B2688" s="2">
        <v>9.0381944444444431E-2</v>
      </c>
      <c r="C2688">
        <v>177.68879999999999</v>
      </c>
      <c r="D2688">
        <v>355.37759999999997</v>
      </c>
    </row>
    <row r="2689" spans="1:4" x14ac:dyDescent="0.25">
      <c r="A2689" s="1">
        <v>41885</v>
      </c>
      <c r="B2689" s="2">
        <v>9.9456018518518527E-2</v>
      </c>
      <c r="C2689">
        <v>177.75539999999998</v>
      </c>
      <c r="D2689">
        <v>355.51079999999996</v>
      </c>
    </row>
    <row r="2690" spans="1:4" x14ac:dyDescent="0.25">
      <c r="A2690" s="1">
        <v>41885</v>
      </c>
      <c r="B2690" s="2">
        <v>0.1092361111111111</v>
      </c>
      <c r="C2690">
        <v>177.82199999999997</v>
      </c>
      <c r="D2690">
        <v>355.64399999999995</v>
      </c>
    </row>
    <row r="2691" spans="1:4" x14ac:dyDescent="0.25">
      <c r="A2691" s="1">
        <v>41885</v>
      </c>
      <c r="B2691" s="2">
        <v>0.11831018518518517</v>
      </c>
      <c r="C2691">
        <v>177.88859999999997</v>
      </c>
      <c r="D2691">
        <v>355.77719999999994</v>
      </c>
    </row>
    <row r="2692" spans="1:4" x14ac:dyDescent="0.25">
      <c r="A2692" s="1">
        <v>41885</v>
      </c>
      <c r="B2692" s="2">
        <v>0.12788194444444445</v>
      </c>
      <c r="C2692">
        <v>177.95519999999999</v>
      </c>
      <c r="D2692">
        <v>355.91039999999998</v>
      </c>
    </row>
    <row r="2693" spans="1:4" x14ac:dyDescent="0.25">
      <c r="A2693" s="1">
        <v>41885</v>
      </c>
      <c r="B2693" s="2">
        <v>0.13728009259259258</v>
      </c>
      <c r="C2693">
        <v>178.02179999999998</v>
      </c>
      <c r="D2693">
        <v>356.04359999999997</v>
      </c>
    </row>
    <row r="2694" spans="1:4" x14ac:dyDescent="0.25">
      <c r="A2694" s="1">
        <v>41885</v>
      </c>
      <c r="B2694" s="2">
        <v>0.14721064814814813</v>
      </c>
      <c r="C2694">
        <v>178.08840000000001</v>
      </c>
      <c r="D2694">
        <v>356.17680000000001</v>
      </c>
    </row>
    <row r="2695" spans="1:4" x14ac:dyDescent="0.25">
      <c r="A2695" s="1">
        <v>41885</v>
      </c>
      <c r="B2695" s="2">
        <v>0.15695601851851851</v>
      </c>
      <c r="C2695">
        <v>178.15499999999997</v>
      </c>
      <c r="D2695">
        <v>356.30999999999995</v>
      </c>
    </row>
    <row r="2696" spans="1:4" x14ac:dyDescent="0.25">
      <c r="A2696" s="1">
        <v>41885</v>
      </c>
      <c r="B2696" s="2">
        <v>0.1675810185185185</v>
      </c>
      <c r="C2696">
        <v>178.22159999999997</v>
      </c>
      <c r="D2696">
        <v>356.44319999999993</v>
      </c>
    </row>
    <row r="2697" spans="1:4" x14ac:dyDescent="0.25">
      <c r="A2697" s="1">
        <v>41885</v>
      </c>
      <c r="B2697" s="2">
        <v>0.17770833333333333</v>
      </c>
      <c r="C2697">
        <v>178.28819999999999</v>
      </c>
      <c r="D2697">
        <v>356.57639999999998</v>
      </c>
    </row>
    <row r="2698" spans="1:4" x14ac:dyDescent="0.25">
      <c r="A2698" s="1">
        <v>41885</v>
      </c>
      <c r="B2698" s="2">
        <v>0.18866898148148148</v>
      </c>
      <c r="C2698">
        <v>178.35479999999998</v>
      </c>
      <c r="D2698">
        <v>356.70959999999997</v>
      </c>
    </row>
    <row r="2699" spans="1:4" x14ac:dyDescent="0.25">
      <c r="A2699" s="1">
        <v>41885</v>
      </c>
      <c r="B2699" s="2">
        <v>0.19927083333333331</v>
      </c>
      <c r="C2699">
        <v>178.42140000000001</v>
      </c>
      <c r="D2699">
        <v>356.84280000000001</v>
      </c>
    </row>
    <row r="2700" spans="1:4" x14ac:dyDescent="0.25">
      <c r="A2700" s="1">
        <v>41885</v>
      </c>
      <c r="B2700" s="2">
        <v>0.21065972222222221</v>
      </c>
      <c r="C2700">
        <v>178.48799999999997</v>
      </c>
      <c r="D2700">
        <v>356.97599999999994</v>
      </c>
    </row>
    <row r="2701" spans="1:4" x14ac:dyDescent="0.25">
      <c r="A2701" s="1">
        <v>41885</v>
      </c>
      <c r="B2701" s="2">
        <v>0.22133101851851852</v>
      </c>
      <c r="C2701">
        <v>178.55459999999997</v>
      </c>
      <c r="D2701">
        <v>357.10919999999993</v>
      </c>
    </row>
    <row r="2702" spans="1:4" x14ac:dyDescent="0.25">
      <c r="A2702" s="1">
        <v>41885</v>
      </c>
      <c r="B2702" s="2">
        <v>0.23274305555555555</v>
      </c>
      <c r="C2702">
        <v>178.62119999999999</v>
      </c>
      <c r="D2702">
        <v>357.24239999999998</v>
      </c>
    </row>
    <row r="2703" spans="1:4" x14ac:dyDescent="0.25">
      <c r="A2703" s="1">
        <v>41885</v>
      </c>
      <c r="B2703" s="2">
        <v>0.24332175925925925</v>
      </c>
      <c r="C2703">
        <v>178.68779999999998</v>
      </c>
      <c r="D2703">
        <v>357.37559999999996</v>
      </c>
    </row>
    <row r="2704" spans="1:4" x14ac:dyDescent="0.25">
      <c r="A2704" s="1">
        <v>41885</v>
      </c>
      <c r="B2704" s="2">
        <v>0.25444444444444442</v>
      </c>
      <c r="C2704">
        <v>178.7544</v>
      </c>
      <c r="D2704">
        <v>357.50880000000001</v>
      </c>
    </row>
    <row r="2705" spans="1:4" x14ac:dyDescent="0.25">
      <c r="A2705" s="1">
        <v>41885</v>
      </c>
      <c r="B2705" s="2">
        <v>0.2646412037037037</v>
      </c>
      <c r="C2705">
        <v>178.82099999999997</v>
      </c>
      <c r="D2705">
        <v>357.64199999999994</v>
      </c>
    </row>
    <row r="2706" spans="1:4" x14ac:dyDescent="0.25">
      <c r="A2706" s="1">
        <v>41885</v>
      </c>
      <c r="B2706" s="2">
        <v>0.27561342592592591</v>
      </c>
      <c r="C2706">
        <v>178.88759999999996</v>
      </c>
      <c r="D2706">
        <v>357.77519999999993</v>
      </c>
    </row>
    <row r="2707" spans="1:4" x14ac:dyDescent="0.25">
      <c r="A2707" s="1">
        <v>41885</v>
      </c>
      <c r="B2707" s="2">
        <v>0.28568287037037038</v>
      </c>
      <c r="C2707">
        <v>178.95419999999999</v>
      </c>
      <c r="D2707">
        <v>357.90839999999997</v>
      </c>
    </row>
    <row r="2708" spans="1:4" x14ac:dyDescent="0.25">
      <c r="A2708" s="1">
        <v>41885</v>
      </c>
      <c r="B2708" s="2">
        <v>0.2966550925925926</v>
      </c>
      <c r="C2708">
        <v>179.02079999999998</v>
      </c>
      <c r="D2708">
        <v>358.04159999999996</v>
      </c>
    </row>
    <row r="2709" spans="1:4" x14ac:dyDescent="0.25">
      <c r="A2709" s="1">
        <v>41885</v>
      </c>
      <c r="B2709" s="2">
        <v>0.30680555555555555</v>
      </c>
      <c r="C2709">
        <v>179.0874</v>
      </c>
      <c r="D2709">
        <v>358.1748</v>
      </c>
    </row>
    <row r="2710" spans="1:4" x14ac:dyDescent="0.25">
      <c r="A2710" s="1">
        <v>41885</v>
      </c>
      <c r="B2710" s="2">
        <v>0.31780092592592596</v>
      </c>
      <c r="C2710">
        <v>179.15399999999997</v>
      </c>
      <c r="D2710">
        <v>358.30799999999994</v>
      </c>
    </row>
    <row r="2711" spans="1:4" x14ac:dyDescent="0.25">
      <c r="A2711" s="1">
        <v>41885</v>
      </c>
      <c r="B2711" s="2">
        <v>0.32819444444444446</v>
      </c>
      <c r="C2711">
        <v>179.22059999999999</v>
      </c>
      <c r="D2711">
        <v>358.44119999999998</v>
      </c>
    </row>
    <row r="2712" spans="1:4" x14ac:dyDescent="0.25">
      <c r="A2712" s="1">
        <v>41885</v>
      </c>
      <c r="B2712" s="2">
        <v>0.33969907407407413</v>
      </c>
      <c r="C2712">
        <v>179.28719999999998</v>
      </c>
      <c r="D2712">
        <v>358.57439999999997</v>
      </c>
    </row>
    <row r="2713" spans="1:4" x14ac:dyDescent="0.25">
      <c r="A2713" s="1">
        <v>41885</v>
      </c>
      <c r="B2713" s="2">
        <v>0.35039351851851852</v>
      </c>
      <c r="C2713">
        <v>179.35379999999998</v>
      </c>
      <c r="D2713">
        <v>358.70759999999996</v>
      </c>
    </row>
    <row r="2714" spans="1:4" x14ac:dyDescent="0.25">
      <c r="A2714" s="1">
        <v>41885</v>
      </c>
      <c r="B2714" s="2">
        <v>0.36209490740740741</v>
      </c>
      <c r="C2714">
        <v>179.4204</v>
      </c>
      <c r="D2714">
        <v>358.8408</v>
      </c>
    </row>
    <row r="2715" spans="1:4" x14ac:dyDescent="0.25">
      <c r="A2715" s="1">
        <v>41885</v>
      </c>
      <c r="B2715" s="2">
        <v>0.37313657407407402</v>
      </c>
      <c r="C2715">
        <v>179.48699999999997</v>
      </c>
      <c r="D2715">
        <v>358.97399999999993</v>
      </c>
    </row>
    <row r="2716" spans="1:4" x14ac:dyDescent="0.25">
      <c r="A2716" s="1">
        <v>41885</v>
      </c>
      <c r="B2716" s="2">
        <v>0.38523148148148145</v>
      </c>
      <c r="C2716">
        <v>179.55359999999999</v>
      </c>
      <c r="D2716">
        <v>359.10719999999998</v>
      </c>
    </row>
    <row r="2717" spans="1:4" x14ac:dyDescent="0.25">
      <c r="A2717" s="1">
        <v>41885</v>
      </c>
      <c r="B2717" s="2">
        <v>0.39673611111111112</v>
      </c>
      <c r="C2717">
        <v>179.62019999999998</v>
      </c>
      <c r="D2717">
        <v>359.24039999999997</v>
      </c>
    </row>
    <row r="2718" spans="1:4" x14ac:dyDescent="0.25">
      <c r="A2718" s="1">
        <v>41885</v>
      </c>
      <c r="B2718" s="2">
        <v>0.40936342592592595</v>
      </c>
      <c r="C2718">
        <v>179.68679999999998</v>
      </c>
      <c r="D2718">
        <v>359.37359999999995</v>
      </c>
    </row>
    <row r="2719" spans="1:4" x14ac:dyDescent="0.25">
      <c r="A2719" s="1">
        <v>41885</v>
      </c>
      <c r="B2719" s="2">
        <v>0.42137731481481483</v>
      </c>
      <c r="C2719">
        <v>179.7534</v>
      </c>
      <c r="D2719">
        <v>359.5068</v>
      </c>
    </row>
    <row r="2720" spans="1:4" x14ac:dyDescent="0.25">
      <c r="A2720" s="1">
        <v>41885</v>
      </c>
      <c r="B2720" s="2">
        <v>0.43452546296296296</v>
      </c>
      <c r="C2720">
        <v>179.81999999999996</v>
      </c>
      <c r="D2720">
        <v>359.63999999999993</v>
      </c>
    </row>
    <row r="2721" spans="1:4" x14ac:dyDescent="0.25">
      <c r="A2721" s="1">
        <v>41885</v>
      </c>
      <c r="B2721" s="2">
        <v>0.44707175925925924</v>
      </c>
      <c r="C2721">
        <v>179.88659999999999</v>
      </c>
      <c r="D2721">
        <v>359.77319999999997</v>
      </c>
    </row>
    <row r="2722" spans="1:4" x14ac:dyDescent="0.25">
      <c r="A2722" s="1">
        <v>41885</v>
      </c>
      <c r="B2722" s="2">
        <v>0.46090277777777783</v>
      </c>
      <c r="C2722">
        <v>179.95319999999998</v>
      </c>
      <c r="D2722">
        <v>359.90639999999996</v>
      </c>
    </row>
    <row r="2723" spans="1:4" x14ac:dyDescent="0.25">
      <c r="A2723" s="1">
        <v>41885</v>
      </c>
      <c r="B2723" s="2">
        <v>0.47408564814814813</v>
      </c>
      <c r="C2723">
        <v>180.01979999999998</v>
      </c>
      <c r="D2723">
        <v>360.03959999999995</v>
      </c>
    </row>
    <row r="2724" spans="1:4" x14ac:dyDescent="0.25">
      <c r="A2724" s="1">
        <v>41885</v>
      </c>
      <c r="B2724" s="2">
        <v>0.48842592592592587</v>
      </c>
      <c r="C2724">
        <v>180.0864</v>
      </c>
      <c r="D2724">
        <v>360.1728</v>
      </c>
    </row>
    <row r="2725" spans="1:4" x14ac:dyDescent="0.25">
      <c r="A2725" s="1">
        <v>41885</v>
      </c>
      <c r="B2725" s="2">
        <v>0.50248842592592591</v>
      </c>
      <c r="C2725">
        <v>180.15299999999996</v>
      </c>
      <c r="D2725">
        <v>360.30599999999993</v>
      </c>
    </row>
    <row r="2726" spans="1:4" x14ac:dyDescent="0.25">
      <c r="A2726" s="1">
        <v>41885</v>
      </c>
      <c r="B2726" s="2">
        <v>0.51771990740740736</v>
      </c>
      <c r="C2726">
        <v>180.21959999999999</v>
      </c>
      <c r="D2726">
        <v>360.43919999999997</v>
      </c>
    </row>
    <row r="2727" spans="1:4" x14ac:dyDescent="0.25">
      <c r="A2727" s="1">
        <v>41885</v>
      </c>
      <c r="B2727" s="2">
        <v>0.53263888888888888</v>
      </c>
      <c r="C2727">
        <v>180.28619999999998</v>
      </c>
      <c r="D2727">
        <v>360.57239999999996</v>
      </c>
    </row>
    <row r="2728" spans="1:4" x14ac:dyDescent="0.25">
      <c r="A2728" s="1">
        <v>41885</v>
      </c>
      <c r="B2728" s="2">
        <v>0.54886574074074079</v>
      </c>
      <c r="C2728">
        <v>180.3528</v>
      </c>
      <c r="D2728">
        <v>360.7056</v>
      </c>
    </row>
    <row r="2729" spans="1:4" x14ac:dyDescent="0.25">
      <c r="A2729" s="1">
        <v>41885</v>
      </c>
      <c r="B2729" s="2">
        <v>0.56496527777777772</v>
      </c>
      <c r="C2729">
        <v>180.4194</v>
      </c>
      <c r="D2729">
        <v>360.83879999999999</v>
      </c>
    </row>
    <row r="2730" spans="1:4" x14ac:dyDescent="0.25">
      <c r="A2730" s="1">
        <v>41885</v>
      </c>
      <c r="B2730" s="2">
        <v>0.58234953703703707</v>
      </c>
      <c r="C2730">
        <v>180.48599999999996</v>
      </c>
      <c r="D2730">
        <v>360.97199999999992</v>
      </c>
    </row>
    <row r="2731" spans="1:4" x14ac:dyDescent="0.25">
      <c r="A2731" s="1">
        <v>41885</v>
      </c>
      <c r="B2731" s="2">
        <v>0.59932870370370372</v>
      </c>
      <c r="C2731">
        <v>180.55259999999998</v>
      </c>
      <c r="D2731">
        <v>361.10519999999997</v>
      </c>
    </row>
    <row r="2732" spans="1:4" x14ac:dyDescent="0.25">
      <c r="A2732" s="1">
        <v>41885</v>
      </c>
      <c r="B2732" s="2">
        <v>0.61767361111111108</v>
      </c>
      <c r="C2732">
        <v>180.61919999999998</v>
      </c>
      <c r="D2732">
        <v>361.23839999999996</v>
      </c>
    </row>
    <row r="2733" spans="1:4" x14ac:dyDescent="0.25">
      <c r="A2733" s="1">
        <v>41885</v>
      </c>
      <c r="B2733" s="2">
        <v>0.635625</v>
      </c>
      <c r="C2733">
        <v>180.6858</v>
      </c>
      <c r="D2733">
        <v>361.3716</v>
      </c>
    </row>
    <row r="2734" spans="1:4" x14ac:dyDescent="0.25">
      <c r="A2734" s="1">
        <v>41885</v>
      </c>
      <c r="B2734" s="2">
        <v>0.6552662037037037</v>
      </c>
      <c r="C2734">
        <v>180.75239999999999</v>
      </c>
      <c r="D2734">
        <v>361.50479999999999</v>
      </c>
    </row>
    <row r="2735" spans="1:4" x14ac:dyDescent="0.25">
      <c r="A2735" s="1">
        <v>41885</v>
      </c>
      <c r="B2735" s="2">
        <v>0.6746064814814815</v>
      </c>
      <c r="C2735">
        <v>180.81899999999996</v>
      </c>
      <c r="D2735">
        <v>361.63799999999992</v>
      </c>
    </row>
    <row r="2736" spans="1:4" x14ac:dyDescent="0.25">
      <c r="A2736" s="1">
        <v>41885</v>
      </c>
      <c r="B2736" s="2">
        <v>0.69562500000000005</v>
      </c>
      <c r="C2736">
        <v>180.88559999999998</v>
      </c>
      <c r="D2736">
        <v>361.77119999999996</v>
      </c>
    </row>
    <row r="2737" spans="1:4" x14ac:dyDescent="0.25">
      <c r="A2737" s="1">
        <v>41885</v>
      </c>
      <c r="B2737" s="2">
        <v>0.71640046296296289</v>
      </c>
      <c r="C2737">
        <v>180.95219999999998</v>
      </c>
      <c r="D2737">
        <v>361.90439999999995</v>
      </c>
    </row>
    <row r="2738" spans="1:4" x14ac:dyDescent="0.25">
      <c r="A2738" s="1">
        <v>41885</v>
      </c>
      <c r="B2738" s="2">
        <v>0.73893518518518519</v>
      </c>
      <c r="C2738">
        <v>181.0188</v>
      </c>
      <c r="D2738">
        <v>362.0376</v>
      </c>
    </row>
    <row r="2739" spans="1:4" x14ac:dyDescent="0.25">
      <c r="A2739" s="1">
        <v>41885</v>
      </c>
      <c r="B2739" s="2">
        <v>0.7611458333333333</v>
      </c>
      <c r="C2739">
        <v>181.08539999999999</v>
      </c>
      <c r="D2739">
        <v>362.17079999999999</v>
      </c>
    </row>
    <row r="2740" spans="1:4" x14ac:dyDescent="0.25">
      <c r="A2740" s="1">
        <v>41885</v>
      </c>
      <c r="B2740" s="2">
        <v>0.78540509259259261</v>
      </c>
      <c r="C2740">
        <v>181.15199999999996</v>
      </c>
      <c r="D2740">
        <v>362.30399999999992</v>
      </c>
    </row>
    <row r="2741" spans="1:4" x14ac:dyDescent="0.25">
      <c r="A2741" s="1">
        <v>41885</v>
      </c>
      <c r="B2741" s="2">
        <v>0.8091666666666667</v>
      </c>
      <c r="C2741">
        <v>181.21859999999998</v>
      </c>
      <c r="D2741">
        <v>362.43719999999996</v>
      </c>
    </row>
    <row r="2742" spans="1:4" x14ac:dyDescent="0.25">
      <c r="A2742" s="1">
        <v>41885</v>
      </c>
      <c r="B2742" s="2">
        <v>0.83556712962962953</v>
      </c>
      <c r="C2742">
        <v>181.28519999999997</v>
      </c>
      <c r="D2742">
        <v>362.57039999999995</v>
      </c>
    </row>
    <row r="2743" spans="1:4" x14ac:dyDescent="0.25">
      <c r="A2743" s="1">
        <v>41885</v>
      </c>
      <c r="B2743" s="2">
        <v>0.86130787037037038</v>
      </c>
      <c r="C2743">
        <v>181.3518</v>
      </c>
      <c r="D2743">
        <v>362.70359999999999</v>
      </c>
    </row>
    <row r="2744" spans="1:4" x14ac:dyDescent="0.25">
      <c r="A2744" s="1">
        <v>41885</v>
      </c>
      <c r="B2744" s="2">
        <v>0.88978009259259261</v>
      </c>
      <c r="C2744">
        <v>181.41839999999999</v>
      </c>
      <c r="D2744">
        <v>362.83679999999998</v>
      </c>
    </row>
    <row r="2745" spans="1:4" x14ac:dyDescent="0.25">
      <c r="A2745" s="1">
        <v>41885</v>
      </c>
      <c r="B2745" s="2">
        <v>0.91762731481481474</v>
      </c>
      <c r="C2745">
        <v>181.48499999999996</v>
      </c>
      <c r="D2745">
        <v>362.96999999999991</v>
      </c>
    </row>
    <row r="2746" spans="1:4" x14ac:dyDescent="0.25">
      <c r="A2746" s="1">
        <v>41885</v>
      </c>
      <c r="B2746" s="2">
        <v>0.94819444444444445</v>
      </c>
      <c r="C2746">
        <v>181.55159999999998</v>
      </c>
      <c r="D2746">
        <v>363.10319999999996</v>
      </c>
    </row>
    <row r="2747" spans="1:4" x14ac:dyDescent="0.25">
      <c r="A2747" s="1">
        <v>41885</v>
      </c>
      <c r="B2747" s="2">
        <v>0.97832175925925924</v>
      </c>
      <c r="C2747">
        <v>181.61819999999997</v>
      </c>
      <c r="D2747">
        <v>363.23639999999995</v>
      </c>
    </row>
    <row r="2748" spans="1:4" x14ac:dyDescent="0.25">
      <c r="A2748" s="1">
        <v>41886</v>
      </c>
      <c r="B2748" s="2">
        <v>1.0891203703703703E-2</v>
      </c>
      <c r="C2748">
        <v>181.6848</v>
      </c>
      <c r="D2748">
        <v>363.36959999999999</v>
      </c>
    </row>
    <row r="2749" spans="1:4" x14ac:dyDescent="0.25">
      <c r="A2749" s="1">
        <v>41886</v>
      </c>
      <c r="B2749" s="2">
        <v>4.3171296296296298E-2</v>
      </c>
      <c r="C2749">
        <v>181.75139999999999</v>
      </c>
      <c r="D2749">
        <v>363.50279999999998</v>
      </c>
    </row>
    <row r="2750" spans="1:4" x14ac:dyDescent="0.25">
      <c r="A2750" s="1">
        <v>41886</v>
      </c>
      <c r="B2750" s="2">
        <v>7.8472222222222221E-2</v>
      </c>
      <c r="C2750">
        <v>181.81799999999998</v>
      </c>
      <c r="D2750">
        <v>363.63599999999997</v>
      </c>
    </row>
    <row r="2751" spans="1:4" x14ac:dyDescent="0.25">
      <c r="A2751" s="1">
        <v>41886</v>
      </c>
      <c r="B2751" s="2">
        <v>0.1137962962962963</v>
      </c>
      <c r="C2751">
        <v>181.88459999999998</v>
      </c>
      <c r="D2751">
        <v>363.76919999999996</v>
      </c>
    </row>
    <row r="2752" spans="1:4" x14ac:dyDescent="0.25">
      <c r="A2752" s="1">
        <v>41886</v>
      </c>
      <c r="B2752" s="2">
        <v>0.15322916666666667</v>
      </c>
      <c r="C2752">
        <v>181.95119999999997</v>
      </c>
      <c r="D2752">
        <v>363.90239999999994</v>
      </c>
    </row>
    <row r="2753" spans="1:4" x14ac:dyDescent="0.25">
      <c r="A2753" s="1">
        <v>41886</v>
      </c>
      <c r="B2753" s="2">
        <v>0.19203703703703703</v>
      </c>
      <c r="C2753">
        <v>182.01779999999999</v>
      </c>
      <c r="D2753">
        <v>364.03559999999999</v>
      </c>
    </row>
    <row r="2754" spans="1:4" x14ac:dyDescent="0.25">
      <c r="A2754" s="1">
        <v>41886</v>
      </c>
      <c r="B2754" s="2">
        <v>0.23456018518518518</v>
      </c>
      <c r="C2754">
        <v>182.08439999999999</v>
      </c>
      <c r="D2754">
        <v>364.16879999999998</v>
      </c>
    </row>
    <row r="2755" spans="1:4" x14ac:dyDescent="0.25">
      <c r="A2755" s="1">
        <v>41886</v>
      </c>
      <c r="B2755" s="2">
        <v>0.27622685185185186</v>
      </c>
      <c r="C2755">
        <v>182.15099999999998</v>
      </c>
      <c r="D2755">
        <v>364.30199999999996</v>
      </c>
    </row>
    <row r="2756" spans="1:4" x14ac:dyDescent="0.25">
      <c r="A2756" s="1">
        <v>41886</v>
      </c>
      <c r="B2756" s="2">
        <v>0.32200231481481484</v>
      </c>
      <c r="C2756">
        <v>182.21759999999998</v>
      </c>
      <c r="D2756">
        <v>364.43519999999995</v>
      </c>
    </row>
    <row r="2757" spans="1:4" x14ac:dyDescent="0.25">
      <c r="A2757" s="1">
        <v>41886</v>
      </c>
      <c r="B2757" s="2">
        <v>0.36712962962962964</v>
      </c>
      <c r="C2757">
        <v>182.28419999999997</v>
      </c>
      <c r="D2757">
        <v>364.56839999999994</v>
      </c>
    </row>
    <row r="2758" spans="1:4" x14ac:dyDescent="0.25">
      <c r="A2758" s="1">
        <v>41886</v>
      </c>
      <c r="B2758" s="2">
        <v>0.41695601851851855</v>
      </c>
      <c r="C2758">
        <v>182.35079999999999</v>
      </c>
      <c r="D2758">
        <v>364.70159999999998</v>
      </c>
    </row>
    <row r="2759" spans="1:4" x14ac:dyDescent="0.25">
      <c r="A2759" s="1">
        <v>41886</v>
      </c>
      <c r="B2759" s="2">
        <v>0.46682870370370372</v>
      </c>
      <c r="C2759">
        <v>182.41739999999999</v>
      </c>
      <c r="D2759">
        <v>364.83479999999997</v>
      </c>
    </row>
    <row r="2760" spans="1:4" x14ac:dyDescent="0.25">
      <c r="A2760" s="1">
        <v>41886</v>
      </c>
      <c r="B2760" s="2">
        <v>0.52174768518518522</v>
      </c>
      <c r="C2760">
        <v>182.48399999999998</v>
      </c>
      <c r="D2760">
        <v>364.96799999999996</v>
      </c>
    </row>
    <row r="2761" spans="1:4" x14ac:dyDescent="0.25">
      <c r="A2761" s="1">
        <v>41886</v>
      </c>
      <c r="B2761" s="2">
        <v>0.5760763888888889</v>
      </c>
      <c r="C2761">
        <v>182.55059999999997</v>
      </c>
      <c r="D2761">
        <v>365.10119999999995</v>
      </c>
    </row>
    <row r="2762" spans="1:4" x14ac:dyDescent="0.25">
      <c r="A2762" s="1">
        <v>41886</v>
      </c>
      <c r="B2762" s="2">
        <v>0.63563657407407403</v>
      </c>
      <c r="C2762">
        <v>182.61719999999997</v>
      </c>
      <c r="D2762">
        <v>365.23439999999994</v>
      </c>
    </row>
    <row r="2763" spans="1:4" x14ac:dyDescent="0.25">
      <c r="A2763" s="1">
        <v>41886</v>
      </c>
      <c r="B2763" s="2">
        <v>0.69457175925925929</v>
      </c>
      <c r="C2763">
        <v>182.68379999999999</v>
      </c>
      <c r="D2763">
        <v>365.36759999999998</v>
      </c>
    </row>
    <row r="2764" spans="1:4" x14ac:dyDescent="0.25">
      <c r="A2764" s="1">
        <v>41886</v>
      </c>
      <c r="B2764" s="2">
        <v>0.76052083333333342</v>
      </c>
      <c r="C2764">
        <v>182.75039999999998</v>
      </c>
      <c r="D2764">
        <v>365.50079999999997</v>
      </c>
    </row>
    <row r="2765" spans="1:4" x14ac:dyDescent="0.25">
      <c r="A2765" s="1">
        <v>41886</v>
      </c>
      <c r="B2765" s="2">
        <v>0.82532407407407404</v>
      </c>
      <c r="C2765">
        <v>182.81699999999998</v>
      </c>
      <c r="D2765">
        <v>365.63399999999996</v>
      </c>
    </row>
    <row r="2766" spans="1:4" x14ac:dyDescent="0.25">
      <c r="A2766" s="1">
        <v>41886</v>
      </c>
      <c r="B2766" s="2">
        <v>0.90017361111111116</v>
      </c>
      <c r="C2766">
        <v>182.88359999999997</v>
      </c>
      <c r="D2766">
        <v>365.76719999999995</v>
      </c>
    </row>
    <row r="2767" spans="1:4" x14ac:dyDescent="0.25">
      <c r="A2767" s="1">
        <v>41886</v>
      </c>
      <c r="B2767" s="2">
        <v>0.96945601851851848</v>
      </c>
      <c r="C2767">
        <v>182.9502</v>
      </c>
      <c r="D2767">
        <v>365.90039999999999</v>
      </c>
    </row>
    <row r="2768" spans="1:4" x14ac:dyDescent="0.25">
      <c r="A2768" s="1">
        <v>41887</v>
      </c>
      <c r="B2768" s="2">
        <v>4.9606481481481481E-2</v>
      </c>
      <c r="C2768">
        <v>183.01679999999999</v>
      </c>
      <c r="D2768">
        <v>366.03359999999998</v>
      </c>
    </row>
    <row r="2769" spans="1:4" x14ac:dyDescent="0.25">
      <c r="A2769" s="1">
        <v>41887</v>
      </c>
      <c r="B2769" s="2">
        <v>0.13111111111111109</v>
      </c>
      <c r="C2769">
        <v>183.08339999999998</v>
      </c>
      <c r="D2769">
        <v>366.16679999999997</v>
      </c>
    </row>
    <row r="2770" spans="1:4" x14ac:dyDescent="0.25">
      <c r="A2770" s="1">
        <v>41887</v>
      </c>
      <c r="B2770" s="2">
        <v>0.21894675925925924</v>
      </c>
      <c r="C2770">
        <v>183.14999999999998</v>
      </c>
      <c r="D2770">
        <v>366.29999999999995</v>
      </c>
    </row>
    <row r="2771" spans="1:4" x14ac:dyDescent="0.25">
      <c r="A2771" s="1">
        <v>41887</v>
      </c>
      <c r="B2771" s="2">
        <v>0.30508101851851849</v>
      </c>
      <c r="C2771">
        <v>183.21659999999997</v>
      </c>
      <c r="D2771">
        <v>366.43319999999994</v>
      </c>
    </row>
    <row r="2772" spans="1:4" x14ac:dyDescent="0.25">
      <c r="A2772" s="1">
        <v>41887</v>
      </c>
      <c r="B2772" s="2">
        <v>0.40130787037037036</v>
      </c>
      <c r="C2772">
        <v>183.28319999999999</v>
      </c>
      <c r="D2772">
        <v>366.56639999999999</v>
      </c>
    </row>
    <row r="2773" spans="1:4" x14ac:dyDescent="0.25">
      <c r="A2773" s="1">
        <v>41887</v>
      </c>
      <c r="B2773" s="2">
        <v>0.49748842592592596</v>
      </c>
      <c r="C2773">
        <v>183.34979999999999</v>
      </c>
      <c r="D2773">
        <v>366.69959999999998</v>
      </c>
    </row>
    <row r="2774" spans="1:4" x14ac:dyDescent="0.25">
      <c r="A2774" s="1">
        <v>41887</v>
      </c>
      <c r="B2774" s="2">
        <v>0.59847222222222218</v>
      </c>
      <c r="C2774">
        <v>183.41639999999998</v>
      </c>
      <c r="D2774">
        <v>366.83279999999996</v>
      </c>
    </row>
    <row r="2775" spans="1:4" x14ac:dyDescent="0.25">
      <c r="A2775" s="1">
        <v>41887</v>
      </c>
      <c r="B2775" s="2">
        <v>0.61936342592592586</v>
      </c>
      <c r="C2775">
        <v>183.41639999999998</v>
      </c>
      <c r="D2775">
        <v>366.83279999999996</v>
      </c>
    </row>
    <row r="2776" spans="1:4" x14ac:dyDescent="0.25">
      <c r="A2776" s="1">
        <v>41887</v>
      </c>
      <c r="B2776" s="2">
        <v>0.61906249999999996</v>
      </c>
      <c r="C2776">
        <v>183.41639999999998</v>
      </c>
      <c r="D2776">
        <v>366.83279999999996</v>
      </c>
    </row>
    <row r="2777" spans="1:4" x14ac:dyDescent="0.25">
      <c r="A2777" s="1">
        <v>41887</v>
      </c>
      <c r="B2777" s="2">
        <v>0.62091435185185184</v>
      </c>
      <c r="C2777">
        <v>183.48299999999998</v>
      </c>
      <c r="D2777">
        <v>366.96599999999995</v>
      </c>
    </row>
    <row r="2778" spans="1:4" x14ac:dyDescent="0.25">
      <c r="A2778" s="1">
        <v>41887</v>
      </c>
      <c r="B2778" s="2">
        <v>0.69972222222222225</v>
      </c>
      <c r="C2778">
        <v>183.54959999999997</v>
      </c>
      <c r="D2778">
        <v>367.09919999999994</v>
      </c>
    </row>
    <row r="2779" spans="1:4" x14ac:dyDescent="0.25">
      <c r="A2779" s="1">
        <v>41887</v>
      </c>
      <c r="B2779" s="2">
        <v>0.81210648148148146</v>
      </c>
      <c r="C2779">
        <v>183.61619999999999</v>
      </c>
      <c r="D2779">
        <v>367.23239999999998</v>
      </c>
    </row>
    <row r="2780" spans="1:4" x14ac:dyDescent="0.25">
      <c r="A2780" s="1">
        <v>41887</v>
      </c>
      <c r="B2780" s="2">
        <v>0.90750000000000008</v>
      </c>
      <c r="C2780">
        <v>183.68279999999999</v>
      </c>
      <c r="D2780">
        <v>367.36559999999997</v>
      </c>
    </row>
    <row r="2781" spans="1:4" x14ac:dyDescent="0.25">
      <c r="A2781" s="1">
        <v>41888</v>
      </c>
      <c r="B2781" s="2">
        <v>3.4398148148148143E-2</v>
      </c>
      <c r="C2781">
        <v>183.74939999999998</v>
      </c>
      <c r="D2781">
        <v>367.49879999999996</v>
      </c>
    </row>
    <row r="2782" spans="1:4" x14ac:dyDescent="0.25">
      <c r="A2782" s="1">
        <v>41888</v>
      </c>
      <c r="B2782" s="2">
        <v>0.14619212962962963</v>
      </c>
      <c r="C2782">
        <v>183.81599999999997</v>
      </c>
      <c r="D2782">
        <v>367.63199999999995</v>
      </c>
    </row>
    <row r="2783" spans="1:4" x14ac:dyDescent="0.25">
      <c r="A2783" s="1">
        <v>41888</v>
      </c>
      <c r="B2783" s="2">
        <v>0.26620370370370372</v>
      </c>
      <c r="C2783">
        <v>183.88259999999997</v>
      </c>
      <c r="D2783">
        <v>367.76519999999994</v>
      </c>
    </row>
    <row r="2784" spans="1:4" x14ac:dyDescent="0.25">
      <c r="A2784" s="1">
        <v>41888</v>
      </c>
      <c r="B2784" s="2">
        <v>0.38340277777777776</v>
      </c>
      <c r="C2784">
        <v>183.94919999999999</v>
      </c>
      <c r="D2784">
        <v>367.89839999999998</v>
      </c>
    </row>
    <row r="2785" spans="1:4" x14ac:dyDescent="0.25">
      <c r="A2785" s="1">
        <v>41888</v>
      </c>
      <c r="B2785" s="2">
        <v>0.48166666666666669</v>
      </c>
      <c r="C2785">
        <v>184.01579999999998</v>
      </c>
      <c r="D2785">
        <v>368.03159999999997</v>
      </c>
    </row>
    <row r="2786" spans="1:4" x14ac:dyDescent="0.25">
      <c r="A2786" s="1">
        <v>41888</v>
      </c>
      <c r="B2786" s="2">
        <v>0.57656249999999998</v>
      </c>
      <c r="C2786">
        <v>184.08240000000001</v>
      </c>
      <c r="D2786">
        <v>368.16480000000001</v>
      </c>
    </row>
    <row r="2787" spans="1:4" x14ac:dyDescent="0.25">
      <c r="A2787" s="1">
        <v>41888</v>
      </c>
      <c r="B2787" s="2">
        <v>0.68236111111111108</v>
      </c>
      <c r="C2787">
        <v>184.14899999999997</v>
      </c>
      <c r="D2787">
        <v>368.29799999999994</v>
      </c>
    </row>
    <row r="2788" spans="1:4" x14ac:dyDescent="0.25">
      <c r="A2788" s="1">
        <v>41888</v>
      </c>
      <c r="B2788" s="2">
        <v>0.79771990740740739</v>
      </c>
      <c r="C2788">
        <v>184.21559999999997</v>
      </c>
      <c r="D2788">
        <v>368.43119999999993</v>
      </c>
    </row>
    <row r="2789" spans="1:4" x14ac:dyDescent="0.25">
      <c r="A2789" s="1">
        <v>41888</v>
      </c>
      <c r="B2789" s="2">
        <v>0.91850694444444436</v>
      </c>
      <c r="C2789">
        <v>184.28219999999999</v>
      </c>
      <c r="D2789">
        <v>368.56439999999998</v>
      </c>
    </row>
    <row r="2790" spans="1:4" x14ac:dyDescent="0.25">
      <c r="A2790" s="1">
        <v>41889</v>
      </c>
      <c r="B2790" s="2">
        <v>1.6180555555555556E-2</v>
      </c>
      <c r="C2790">
        <v>184.34879999999998</v>
      </c>
      <c r="D2790">
        <v>368.69759999999997</v>
      </c>
    </row>
    <row r="2791" spans="1:4" x14ac:dyDescent="0.25">
      <c r="A2791" s="1">
        <v>41889</v>
      </c>
      <c r="B2791" s="2">
        <v>0.10064814814814815</v>
      </c>
      <c r="C2791">
        <v>184.41540000000001</v>
      </c>
      <c r="D2791">
        <v>368.83080000000001</v>
      </c>
    </row>
    <row r="2792" spans="1:4" x14ac:dyDescent="0.25">
      <c r="A2792" s="1">
        <v>41889</v>
      </c>
      <c r="B2792" s="2">
        <v>0.17291666666666669</v>
      </c>
      <c r="C2792">
        <v>184.48199999999997</v>
      </c>
      <c r="D2792">
        <v>368.96399999999994</v>
      </c>
    </row>
    <row r="2793" spans="1:4" x14ac:dyDescent="0.25">
      <c r="A2793" s="1">
        <v>41889</v>
      </c>
      <c r="B2793" s="2">
        <v>0.24056712962962964</v>
      </c>
      <c r="C2793">
        <v>184.54859999999996</v>
      </c>
      <c r="D2793">
        <v>369.09719999999993</v>
      </c>
    </row>
    <row r="2794" spans="1:4" x14ac:dyDescent="0.25">
      <c r="A2794" s="1">
        <v>41889</v>
      </c>
      <c r="B2794" s="2">
        <v>0.30274305555555553</v>
      </c>
      <c r="C2794">
        <v>184.61519999999999</v>
      </c>
      <c r="D2794">
        <v>369.23039999999997</v>
      </c>
    </row>
    <row r="2795" spans="1:4" x14ac:dyDescent="0.25">
      <c r="A2795" s="1">
        <v>41889</v>
      </c>
      <c r="B2795" s="2">
        <v>0.36472222222222223</v>
      </c>
      <c r="C2795">
        <v>184.68179999999998</v>
      </c>
      <c r="D2795">
        <v>369.36359999999996</v>
      </c>
    </row>
    <row r="2796" spans="1:4" x14ac:dyDescent="0.25">
      <c r="A2796" s="1">
        <v>41889</v>
      </c>
      <c r="B2796" s="2">
        <v>0.42386574074074074</v>
      </c>
      <c r="C2796">
        <v>184.7484</v>
      </c>
      <c r="D2796">
        <v>369.49680000000001</v>
      </c>
    </row>
    <row r="2797" spans="1:4" x14ac:dyDescent="0.25">
      <c r="A2797" s="1">
        <v>41889</v>
      </c>
      <c r="B2797" s="2">
        <v>0.48468749999999999</v>
      </c>
      <c r="C2797">
        <v>184.81499999999997</v>
      </c>
      <c r="D2797">
        <v>369.62999999999994</v>
      </c>
    </row>
    <row r="2798" spans="1:4" x14ac:dyDescent="0.25">
      <c r="A2798" s="1">
        <v>41889</v>
      </c>
      <c r="B2798" s="2">
        <v>0.54449074074074078</v>
      </c>
      <c r="C2798">
        <v>184.88159999999996</v>
      </c>
      <c r="D2798">
        <v>369.76319999999993</v>
      </c>
    </row>
    <row r="2799" spans="1:4" x14ac:dyDescent="0.25">
      <c r="A2799" s="1">
        <v>41889</v>
      </c>
      <c r="B2799" s="2">
        <v>0.60659722222222223</v>
      </c>
      <c r="C2799">
        <v>184.94819999999999</v>
      </c>
      <c r="D2799">
        <v>369.89639999999997</v>
      </c>
    </row>
    <row r="2800" spans="1:4" x14ac:dyDescent="0.25">
      <c r="A2800" s="1">
        <v>41889</v>
      </c>
      <c r="B2800" s="2">
        <v>0.66909722222222223</v>
      </c>
      <c r="C2800">
        <v>185.01479999999998</v>
      </c>
      <c r="D2800">
        <v>370.02959999999996</v>
      </c>
    </row>
    <row r="2801" spans="1:4" x14ac:dyDescent="0.25">
      <c r="A2801" s="1">
        <v>41889</v>
      </c>
      <c r="B2801" s="2">
        <v>0.73674768518518519</v>
      </c>
      <c r="C2801">
        <v>185.0814</v>
      </c>
      <c r="D2801">
        <v>370.1628</v>
      </c>
    </row>
    <row r="2802" spans="1:4" x14ac:dyDescent="0.25">
      <c r="A2802" s="1">
        <v>41889</v>
      </c>
      <c r="B2802" s="2">
        <v>0.80431712962962953</v>
      </c>
      <c r="C2802">
        <v>185.14799999999997</v>
      </c>
      <c r="D2802">
        <v>370.29599999999994</v>
      </c>
    </row>
    <row r="2803" spans="1:4" x14ac:dyDescent="0.25">
      <c r="A2803" s="1">
        <v>41889</v>
      </c>
      <c r="B2803" s="2">
        <v>0.87707175925925929</v>
      </c>
      <c r="C2803">
        <v>185.21459999999999</v>
      </c>
      <c r="D2803">
        <v>370.42919999999998</v>
      </c>
    </row>
    <row r="2804" spans="1:4" x14ac:dyDescent="0.25">
      <c r="A2804" s="1">
        <v>41889</v>
      </c>
      <c r="B2804" s="2">
        <v>0.94943287037037039</v>
      </c>
      <c r="C2804">
        <v>185.28119999999998</v>
      </c>
      <c r="D2804">
        <v>370.56239999999997</v>
      </c>
    </row>
    <row r="2805" spans="1:4" x14ac:dyDescent="0.25">
      <c r="A2805" s="1">
        <v>41890</v>
      </c>
      <c r="B2805" s="2">
        <v>2.6006944444444447E-2</v>
      </c>
      <c r="C2805">
        <v>185.34779999999998</v>
      </c>
      <c r="D2805">
        <v>370.69559999999996</v>
      </c>
    </row>
    <row r="2806" spans="1:4" x14ac:dyDescent="0.25">
      <c r="A2806" s="1">
        <v>41890</v>
      </c>
      <c r="B2806" s="2">
        <v>0.1004050925925926</v>
      </c>
      <c r="C2806">
        <v>185.4144</v>
      </c>
      <c r="D2806">
        <v>370.8288</v>
      </c>
    </row>
    <row r="2807" spans="1:4" x14ac:dyDescent="0.25">
      <c r="A2807" s="1">
        <v>41890</v>
      </c>
      <c r="B2807" s="2">
        <v>0.18091435185185187</v>
      </c>
      <c r="C2807">
        <v>185.48099999999997</v>
      </c>
      <c r="D2807">
        <v>370.96199999999993</v>
      </c>
    </row>
    <row r="2808" spans="1:4" x14ac:dyDescent="0.25">
      <c r="A2808" s="1">
        <v>41890</v>
      </c>
      <c r="B2808" s="2">
        <v>0.25928240740740743</v>
      </c>
      <c r="C2808">
        <v>185.54759999999999</v>
      </c>
      <c r="D2808">
        <v>371.09519999999998</v>
      </c>
    </row>
    <row r="2809" spans="1:4" x14ac:dyDescent="0.25">
      <c r="A2809" s="1">
        <v>41890</v>
      </c>
      <c r="B2809" s="2">
        <v>0.34531249999999997</v>
      </c>
      <c r="C2809">
        <v>185.61419999999998</v>
      </c>
      <c r="D2809">
        <v>371.22839999999997</v>
      </c>
    </row>
    <row r="2810" spans="1:4" x14ac:dyDescent="0.25">
      <c r="A2810" s="1">
        <v>41890</v>
      </c>
      <c r="B2810" s="2">
        <v>0.42994212962962958</v>
      </c>
      <c r="C2810">
        <v>185.68079999999998</v>
      </c>
      <c r="D2810">
        <v>371.36159999999995</v>
      </c>
    </row>
    <row r="2811" spans="1:4" x14ac:dyDescent="0.25">
      <c r="A2811" s="1">
        <v>41890</v>
      </c>
      <c r="B2811" s="2">
        <v>0.51788194444444446</v>
      </c>
      <c r="C2811">
        <v>185.7474</v>
      </c>
      <c r="D2811">
        <v>371.4948</v>
      </c>
    </row>
    <row r="2812" spans="1:4" x14ac:dyDescent="0.25">
      <c r="A2812" s="1">
        <v>41890</v>
      </c>
      <c r="B2812" s="2">
        <v>0.6095949074074074</v>
      </c>
      <c r="C2812">
        <v>185.81399999999996</v>
      </c>
      <c r="D2812">
        <v>371.62799999999993</v>
      </c>
    </row>
    <row r="2813" spans="1:4" x14ac:dyDescent="0.25">
      <c r="A2813" s="1">
        <v>41890</v>
      </c>
      <c r="B2813" s="2">
        <v>0.70435185185185178</v>
      </c>
      <c r="C2813">
        <v>185.88059999999999</v>
      </c>
      <c r="D2813">
        <v>371.76119999999997</v>
      </c>
    </row>
    <row r="2814" spans="1:4" x14ac:dyDescent="0.25">
      <c r="A2814" s="1">
        <v>41890</v>
      </c>
      <c r="B2814" s="2">
        <v>0.80508101851851854</v>
      </c>
      <c r="C2814">
        <v>185.94719999999998</v>
      </c>
      <c r="D2814">
        <v>371.89439999999996</v>
      </c>
    </row>
    <row r="2815" spans="1:4" x14ac:dyDescent="0.25">
      <c r="A2815" s="1">
        <v>41890</v>
      </c>
      <c r="B2815" s="2">
        <v>0.9161921296296297</v>
      </c>
      <c r="C2815">
        <v>186.01379999999997</v>
      </c>
      <c r="D2815">
        <v>372.02759999999995</v>
      </c>
    </row>
    <row r="2816" spans="1:4" x14ac:dyDescent="0.25">
      <c r="A2816" s="1">
        <v>41891</v>
      </c>
      <c r="B2816" s="2">
        <v>2.9513888888888892E-2</v>
      </c>
      <c r="C2816">
        <v>186.0804</v>
      </c>
      <c r="D2816">
        <v>372.16079999999999</v>
      </c>
    </row>
    <row r="2817" spans="1:4" x14ac:dyDescent="0.25">
      <c r="A2817" s="1">
        <v>41891</v>
      </c>
      <c r="B2817" s="2">
        <v>0.14844907407407407</v>
      </c>
      <c r="C2817">
        <v>186.14699999999996</v>
      </c>
      <c r="D2817">
        <v>372.29399999999993</v>
      </c>
    </row>
    <row r="2818" spans="1:4" x14ac:dyDescent="0.25">
      <c r="A2818" s="1">
        <v>41891</v>
      </c>
      <c r="B2818" s="2">
        <v>0.26755787037037038</v>
      </c>
      <c r="C2818">
        <v>186.21359999999999</v>
      </c>
      <c r="D2818">
        <v>372.42719999999997</v>
      </c>
    </row>
    <row r="2819" spans="1:4" x14ac:dyDescent="0.25">
      <c r="A2819" s="1">
        <v>41891</v>
      </c>
      <c r="B2819" s="2">
        <v>0.39583333333333331</v>
      </c>
      <c r="C2819">
        <v>186.28019999999998</v>
      </c>
      <c r="D2819">
        <v>372.56039999999996</v>
      </c>
    </row>
    <row r="2820" spans="1:4" x14ac:dyDescent="0.25">
      <c r="A2820" s="1">
        <v>41891</v>
      </c>
      <c r="B2820" s="2">
        <v>0.52271990740740748</v>
      </c>
      <c r="C2820">
        <v>186.3468</v>
      </c>
      <c r="D2820">
        <v>372.6936</v>
      </c>
    </row>
    <row r="2821" spans="1:4" x14ac:dyDescent="0.25">
      <c r="A2821" s="1">
        <v>41891</v>
      </c>
      <c r="B2821" s="2">
        <v>0.64863425925925922</v>
      </c>
      <c r="C2821">
        <v>186.4134</v>
      </c>
      <c r="D2821">
        <v>372.82679999999999</v>
      </c>
    </row>
    <row r="2822" spans="1:4" x14ac:dyDescent="0.25">
      <c r="A2822" s="1">
        <v>41891</v>
      </c>
      <c r="B2822" s="2">
        <v>0.78371527777777772</v>
      </c>
      <c r="C2822">
        <v>186.47999999999996</v>
      </c>
      <c r="D2822">
        <v>372.95999999999992</v>
      </c>
    </row>
    <row r="2823" spans="1:4" x14ac:dyDescent="0.25">
      <c r="A2823" s="1">
        <v>41891</v>
      </c>
      <c r="B2823" s="2">
        <v>0.9347685185185185</v>
      </c>
      <c r="C2823">
        <v>186.54659999999998</v>
      </c>
      <c r="D2823">
        <v>373.09319999999997</v>
      </c>
    </row>
    <row r="2824" spans="1:4" x14ac:dyDescent="0.25">
      <c r="A2824" s="1">
        <v>41892</v>
      </c>
      <c r="B2824" s="2">
        <v>8.851851851851851E-2</v>
      </c>
      <c r="C2824">
        <v>186.61319999999998</v>
      </c>
      <c r="D2824">
        <v>373.22639999999996</v>
      </c>
    </row>
    <row r="2825" spans="1:4" x14ac:dyDescent="0.25">
      <c r="A2825" s="1">
        <v>41892</v>
      </c>
      <c r="B2825" s="2">
        <v>0.24844907407407404</v>
      </c>
      <c r="C2825">
        <v>186.6798</v>
      </c>
      <c r="D2825">
        <v>373.3596</v>
      </c>
    </row>
    <row r="2826" spans="1:4" x14ac:dyDescent="0.25">
      <c r="A2826" s="1">
        <v>41892</v>
      </c>
      <c r="B2826" s="2">
        <v>0.41032407407407406</v>
      </c>
      <c r="C2826">
        <v>186.74639999999999</v>
      </c>
      <c r="D2826">
        <v>373.49279999999999</v>
      </c>
    </row>
    <row r="2827" spans="1:4" x14ac:dyDescent="0.25">
      <c r="A2827" s="1">
        <v>41892</v>
      </c>
      <c r="B2827" s="2">
        <v>0.56039351851851849</v>
      </c>
      <c r="C2827">
        <v>186.81299999999996</v>
      </c>
      <c r="D2827">
        <v>373.62599999999992</v>
      </c>
    </row>
    <row r="2828" spans="1:4" x14ac:dyDescent="0.25">
      <c r="A2828" s="1">
        <v>41892</v>
      </c>
      <c r="B2828" s="2">
        <v>0.70803240740740747</v>
      </c>
      <c r="C2828">
        <v>186.87959999999998</v>
      </c>
      <c r="D2828">
        <v>373.75919999999996</v>
      </c>
    </row>
    <row r="2829" spans="1:4" x14ac:dyDescent="0.25">
      <c r="A2829" s="1">
        <v>41892</v>
      </c>
      <c r="B2829" s="2">
        <v>0.88239583333333327</v>
      </c>
      <c r="C2829">
        <v>186.94619999999998</v>
      </c>
      <c r="D2829">
        <v>373.89239999999995</v>
      </c>
    </row>
    <row r="2830" spans="1:4" x14ac:dyDescent="0.25">
      <c r="A2830" s="1">
        <v>41893</v>
      </c>
      <c r="B2830" s="2">
        <v>5.1261574074074077E-2</v>
      </c>
      <c r="C2830">
        <v>187.0128</v>
      </c>
      <c r="D2830">
        <v>374.0256</v>
      </c>
    </row>
    <row r="2831" spans="1:4" x14ac:dyDescent="0.25">
      <c r="A2831" s="1">
        <v>41893</v>
      </c>
      <c r="B2831" s="2">
        <v>0.19700231481481481</v>
      </c>
      <c r="C2831">
        <v>187.07939999999999</v>
      </c>
      <c r="D2831">
        <v>374.15879999999999</v>
      </c>
    </row>
    <row r="2832" spans="1:4" x14ac:dyDescent="0.25">
      <c r="A2832" s="1">
        <v>41893</v>
      </c>
      <c r="B2832" s="2">
        <v>0.26651620370370371</v>
      </c>
      <c r="C2832">
        <v>187.14599999999996</v>
      </c>
      <c r="D2832">
        <v>374.29199999999992</v>
      </c>
    </row>
    <row r="2833" spans="1:4" x14ac:dyDescent="0.25">
      <c r="A2833" s="1">
        <v>41893</v>
      </c>
      <c r="B2833" s="2">
        <v>0.302650462962963</v>
      </c>
      <c r="C2833">
        <v>187.21259999999998</v>
      </c>
      <c r="D2833">
        <v>374.42519999999996</v>
      </c>
    </row>
    <row r="2834" spans="1:4" x14ac:dyDescent="0.25">
      <c r="A2834" s="1">
        <v>41893</v>
      </c>
      <c r="B2834" s="2">
        <v>0.32300925925925927</v>
      </c>
      <c r="C2834">
        <v>187.27919999999997</v>
      </c>
      <c r="D2834">
        <v>374.55839999999995</v>
      </c>
    </row>
    <row r="2835" spans="1:4" x14ac:dyDescent="0.25">
      <c r="A2835" s="1">
        <v>41893</v>
      </c>
      <c r="B2835" s="2">
        <v>0.33440972222222221</v>
      </c>
      <c r="C2835">
        <v>187.3458</v>
      </c>
      <c r="D2835">
        <v>374.69159999999999</v>
      </c>
    </row>
    <row r="2836" spans="1:4" x14ac:dyDescent="0.25">
      <c r="A2836" s="1">
        <v>41893</v>
      </c>
      <c r="B2836" s="2">
        <v>0.34300925925925929</v>
      </c>
      <c r="C2836">
        <v>187.41239999999999</v>
      </c>
      <c r="D2836">
        <v>374.82479999999998</v>
      </c>
    </row>
    <row r="2837" spans="1:4" x14ac:dyDescent="0.25">
      <c r="A2837" s="1">
        <v>41893</v>
      </c>
      <c r="B2837" s="2">
        <v>0.35057870370370375</v>
      </c>
      <c r="C2837">
        <v>187.47899999999998</v>
      </c>
      <c r="D2837">
        <v>374.95799999999997</v>
      </c>
    </row>
    <row r="2838" spans="1:4" x14ac:dyDescent="0.25">
      <c r="A2838" s="1">
        <v>41893</v>
      </c>
      <c r="B2838" s="2">
        <v>0.35731481481481481</v>
      </c>
      <c r="C2838">
        <v>187.54559999999998</v>
      </c>
      <c r="D2838">
        <v>375.09119999999996</v>
      </c>
    </row>
    <row r="2839" spans="1:4" x14ac:dyDescent="0.25">
      <c r="A2839" s="1">
        <v>41893</v>
      </c>
      <c r="B2839" s="2">
        <v>0.3638657407407408</v>
      </c>
      <c r="C2839">
        <v>187.61219999999997</v>
      </c>
      <c r="D2839">
        <v>375.22439999999995</v>
      </c>
    </row>
    <row r="2840" spans="1:4" x14ac:dyDescent="0.25">
      <c r="A2840" s="1">
        <v>41893</v>
      </c>
      <c r="B2840" s="2">
        <v>0.36995370370370373</v>
      </c>
      <c r="C2840">
        <v>187.6788</v>
      </c>
      <c r="D2840">
        <v>375.35759999999999</v>
      </c>
    </row>
    <row r="2841" spans="1:4" x14ac:dyDescent="0.25">
      <c r="A2841" s="1">
        <v>41893</v>
      </c>
      <c r="B2841" s="2">
        <v>0.37623842592592593</v>
      </c>
      <c r="C2841">
        <v>187.74539999999999</v>
      </c>
      <c r="D2841">
        <v>375.49079999999998</v>
      </c>
    </row>
    <row r="2842" spans="1:4" x14ac:dyDescent="0.25">
      <c r="A2842" s="1">
        <v>41893</v>
      </c>
      <c r="B2842" s="2">
        <v>0.38230324074074074</v>
      </c>
      <c r="C2842">
        <v>187.81199999999998</v>
      </c>
      <c r="D2842">
        <v>375.62399999999997</v>
      </c>
    </row>
    <row r="2843" spans="1:4" x14ac:dyDescent="0.25">
      <c r="A2843" s="1">
        <v>41893</v>
      </c>
      <c r="B2843" s="2">
        <v>0.38866898148148149</v>
      </c>
      <c r="C2843">
        <v>187.87859999999998</v>
      </c>
      <c r="D2843">
        <v>375.75719999999995</v>
      </c>
    </row>
    <row r="2844" spans="1:4" x14ac:dyDescent="0.25">
      <c r="A2844" s="1">
        <v>41893</v>
      </c>
      <c r="B2844" s="2">
        <v>0.3949537037037037</v>
      </c>
      <c r="C2844">
        <v>187.94519999999997</v>
      </c>
      <c r="D2844">
        <v>375.89039999999994</v>
      </c>
    </row>
    <row r="2845" spans="1:4" x14ac:dyDescent="0.25">
      <c r="A2845" s="1">
        <v>41893</v>
      </c>
      <c r="B2845" s="2">
        <v>0.40166666666666667</v>
      </c>
      <c r="C2845">
        <v>188.01179999999999</v>
      </c>
      <c r="D2845">
        <v>376.02359999999999</v>
      </c>
    </row>
    <row r="2846" spans="1:4" x14ac:dyDescent="0.25">
      <c r="A2846" s="1">
        <v>41893</v>
      </c>
      <c r="B2846" s="2">
        <v>0.40820601851851851</v>
      </c>
      <c r="C2846">
        <v>188.07839999999999</v>
      </c>
      <c r="D2846">
        <v>376.15679999999998</v>
      </c>
    </row>
    <row r="2847" spans="1:4" x14ac:dyDescent="0.25">
      <c r="A2847" s="1">
        <v>41893</v>
      </c>
      <c r="B2847" s="2">
        <v>0.41523148148148148</v>
      </c>
      <c r="C2847">
        <v>188.14499999999998</v>
      </c>
      <c r="D2847">
        <v>376.28999999999996</v>
      </c>
    </row>
    <row r="2848" spans="1:4" x14ac:dyDescent="0.25">
      <c r="A2848" s="1">
        <v>41893</v>
      </c>
      <c r="B2848" s="2">
        <v>0.42221064814814818</v>
      </c>
      <c r="C2848">
        <v>188.21159999999998</v>
      </c>
      <c r="D2848">
        <v>376.42319999999995</v>
      </c>
    </row>
    <row r="2849" spans="1:4" x14ac:dyDescent="0.25">
      <c r="A2849" s="1">
        <v>41893</v>
      </c>
      <c r="B2849" s="2">
        <v>0.42973379629629632</v>
      </c>
      <c r="C2849">
        <v>188.27819999999997</v>
      </c>
      <c r="D2849">
        <v>376.55639999999994</v>
      </c>
    </row>
    <row r="2850" spans="1:4" x14ac:dyDescent="0.25">
      <c r="A2850" s="1">
        <v>41893</v>
      </c>
      <c r="B2850" s="2">
        <v>0.4370486111111111</v>
      </c>
      <c r="C2850">
        <v>188.34479999999999</v>
      </c>
      <c r="D2850">
        <v>376.68959999999998</v>
      </c>
    </row>
    <row r="2851" spans="1:4" x14ac:dyDescent="0.25">
      <c r="A2851" s="1">
        <v>41893</v>
      </c>
      <c r="B2851" s="2">
        <v>0.44487268518518519</v>
      </c>
      <c r="C2851">
        <v>188.41139999999999</v>
      </c>
      <c r="D2851">
        <v>376.82279999999997</v>
      </c>
    </row>
    <row r="2852" spans="1:4" x14ac:dyDescent="0.25">
      <c r="A2852" s="1">
        <v>41893</v>
      </c>
      <c r="B2852" s="2">
        <v>0.45254629629629628</v>
      </c>
      <c r="C2852">
        <v>188.47799999999998</v>
      </c>
      <c r="D2852">
        <v>376.95599999999996</v>
      </c>
    </row>
    <row r="2853" spans="1:4" x14ac:dyDescent="0.25">
      <c r="A2853" s="1">
        <v>41893</v>
      </c>
      <c r="B2853" s="2">
        <v>0.46079861111111109</v>
      </c>
      <c r="C2853">
        <v>188.54459999999997</v>
      </c>
      <c r="D2853">
        <v>377.08919999999995</v>
      </c>
    </row>
    <row r="2854" spans="1:4" x14ac:dyDescent="0.25">
      <c r="A2854" s="1">
        <v>41893</v>
      </c>
      <c r="B2854" s="2">
        <v>0.46872685185185187</v>
      </c>
      <c r="C2854">
        <v>188.6112</v>
      </c>
      <c r="D2854">
        <v>377.22239999999999</v>
      </c>
    </row>
    <row r="2855" spans="1:4" x14ac:dyDescent="0.25">
      <c r="A2855" s="1">
        <v>41893</v>
      </c>
      <c r="B2855" s="2">
        <v>0.47724537037037035</v>
      </c>
      <c r="C2855">
        <v>188.67779999999999</v>
      </c>
      <c r="D2855">
        <v>377.35559999999998</v>
      </c>
    </row>
    <row r="2856" spans="1:4" x14ac:dyDescent="0.25">
      <c r="A2856" s="1">
        <v>41893</v>
      </c>
      <c r="B2856" s="2">
        <v>0.48546296296296299</v>
      </c>
      <c r="C2856">
        <v>188.74439999999998</v>
      </c>
      <c r="D2856">
        <v>377.48879999999997</v>
      </c>
    </row>
    <row r="2857" spans="1:4" x14ac:dyDescent="0.25">
      <c r="A2857" s="1">
        <v>41893</v>
      </c>
      <c r="B2857" s="2">
        <v>0.49416666666666664</v>
      </c>
      <c r="C2857">
        <v>188.81099999999998</v>
      </c>
      <c r="D2857">
        <v>377.62199999999996</v>
      </c>
    </row>
    <row r="2858" spans="1:4" x14ac:dyDescent="0.25">
      <c r="A2858" s="1">
        <v>41893</v>
      </c>
      <c r="B2858" s="2">
        <v>0.50260416666666663</v>
      </c>
      <c r="C2858">
        <v>188.87759999999997</v>
      </c>
      <c r="D2858">
        <v>377.75519999999995</v>
      </c>
    </row>
    <row r="2859" spans="1:4" x14ac:dyDescent="0.25">
      <c r="A2859" s="1">
        <v>41893</v>
      </c>
      <c r="B2859" s="2">
        <v>0.51150462962962961</v>
      </c>
      <c r="C2859">
        <v>188.9442</v>
      </c>
      <c r="D2859">
        <v>377.88839999999999</v>
      </c>
    </row>
    <row r="2860" spans="1:4" x14ac:dyDescent="0.25">
      <c r="A2860" s="1">
        <v>41893</v>
      </c>
      <c r="B2860" s="2">
        <v>0.52016203703703701</v>
      </c>
      <c r="C2860">
        <v>189.01079999999999</v>
      </c>
      <c r="D2860">
        <v>378.02159999999998</v>
      </c>
    </row>
    <row r="2861" spans="1:4" x14ac:dyDescent="0.25">
      <c r="A2861" s="1">
        <v>41893</v>
      </c>
      <c r="B2861" s="2">
        <v>0.5294444444444445</v>
      </c>
      <c r="C2861">
        <v>189.07739999999998</v>
      </c>
      <c r="D2861">
        <v>378.15479999999997</v>
      </c>
    </row>
    <row r="2862" spans="1:4" x14ac:dyDescent="0.25">
      <c r="A2862" s="1">
        <v>41893</v>
      </c>
      <c r="B2862" s="2">
        <v>0.53832175925925929</v>
      </c>
      <c r="C2862">
        <v>189.14399999999998</v>
      </c>
      <c r="D2862">
        <v>378.28799999999995</v>
      </c>
    </row>
    <row r="2863" spans="1:4" x14ac:dyDescent="0.25">
      <c r="A2863" s="1">
        <v>41893</v>
      </c>
      <c r="B2863" s="2">
        <v>0.54752314814814818</v>
      </c>
      <c r="C2863">
        <v>189.21059999999997</v>
      </c>
      <c r="D2863">
        <v>378.42119999999994</v>
      </c>
    </row>
    <row r="2864" spans="1:4" x14ac:dyDescent="0.25">
      <c r="A2864" s="1">
        <v>41893</v>
      </c>
      <c r="B2864" s="2">
        <v>0.55671296296296291</v>
      </c>
      <c r="C2864">
        <v>189.27719999999999</v>
      </c>
      <c r="D2864">
        <v>378.55439999999999</v>
      </c>
    </row>
    <row r="2865" spans="1:4" x14ac:dyDescent="0.25">
      <c r="A2865" s="1">
        <v>41893</v>
      </c>
      <c r="B2865" s="2">
        <v>0.56652777777777774</v>
      </c>
      <c r="C2865">
        <v>189.34379999999999</v>
      </c>
      <c r="D2865">
        <v>378.68759999999997</v>
      </c>
    </row>
    <row r="2866" spans="1:4" x14ac:dyDescent="0.25">
      <c r="A2866" s="1">
        <v>41893</v>
      </c>
      <c r="B2866" s="2">
        <v>0.57614583333333336</v>
      </c>
      <c r="C2866">
        <v>189.41039999999998</v>
      </c>
      <c r="D2866">
        <v>378.82079999999996</v>
      </c>
    </row>
    <row r="2867" spans="1:4" x14ac:dyDescent="0.25">
      <c r="A2867" s="1">
        <v>41893</v>
      </c>
      <c r="B2867" s="2">
        <v>0.58646990740740745</v>
      </c>
      <c r="C2867">
        <v>189.47699999999998</v>
      </c>
      <c r="D2867">
        <v>378.95399999999995</v>
      </c>
    </row>
    <row r="2868" spans="1:4" x14ac:dyDescent="0.25">
      <c r="A2868" s="1">
        <v>41893</v>
      </c>
      <c r="B2868" s="2">
        <v>0.59657407407407403</v>
      </c>
      <c r="C2868">
        <v>189.54359999999997</v>
      </c>
      <c r="D2868">
        <v>379.08719999999994</v>
      </c>
    </row>
    <row r="2869" spans="1:4" x14ac:dyDescent="0.25">
      <c r="A2869" s="1">
        <v>41893</v>
      </c>
      <c r="B2869" s="2">
        <v>0.60738425925925921</v>
      </c>
      <c r="C2869">
        <v>189.61019999999999</v>
      </c>
      <c r="D2869">
        <v>379.22039999999998</v>
      </c>
    </row>
    <row r="2870" spans="1:4" x14ac:dyDescent="0.25">
      <c r="A2870" s="1">
        <v>41893</v>
      </c>
      <c r="B2870" s="2">
        <v>0.61796296296296294</v>
      </c>
      <c r="C2870">
        <v>189.67679999999999</v>
      </c>
      <c r="D2870">
        <v>379.35359999999997</v>
      </c>
    </row>
    <row r="2871" spans="1:4" x14ac:dyDescent="0.25">
      <c r="A2871" s="1">
        <v>41893</v>
      </c>
      <c r="B2871" s="2">
        <v>0.62928240740740737</v>
      </c>
      <c r="C2871">
        <v>189.74340000000001</v>
      </c>
      <c r="D2871">
        <v>379.48680000000002</v>
      </c>
    </row>
    <row r="2872" spans="1:4" x14ac:dyDescent="0.25">
      <c r="A2872" s="1">
        <v>41893</v>
      </c>
      <c r="B2872" s="2">
        <v>0.64011574074074074</v>
      </c>
      <c r="C2872">
        <v>189.80999999999997</v>
      </c>
      <c r="D2872">
        <v>379.61999999999995</v>
      </c>
    </row>
    <row r="2873" spans="1:4" x14ac:dyDescent="0.25">
      <c r="A2873" s="1">
        <v>41893</v>
      </c>
      <c r="B2873" s="2">
        <v>0.65131944444444445</v>
      </c>
      <c r="C2873">
        <v>189.87659999999997</v>
      </c>
      <c r="D2873">
        <v>379.75319999999994</v>
      </c>
    </row>
    <row r="2874" spans="1:4" x14ac:dyDescent="0.25">
      <c r="A2874" s="1">
        <v>41893</v>
      </c>
      <c r="B2874" s="2">
        <v>0.66190972222222222</v>
      </c>
      <c r="C2874">
        <v>189.94319999999999</v>
      </c>
      <c r="D2874">
        <v>379.88639999999998</v>
      </c>
    </row>
    <row r="2875" spans="1:4" x14ac:dyDescent="0.25">
      <c r="A2875" s="1">
        <v>41893</v>
      </c>
      <c r="B2875" s="2">
        <v>0.67258101851851848</v>
      </c>
      <c r="C2875">
        <v>190.00979999999998</v>
      </c>
      <c r="D2875">
        <v>380.01959999999997</v>
      </c>
    </row>
    <row r="2876" spans="1:4" x14ac:dyDescent="0.25">
      <c r="A2876" s="1">
        <v>41893</v>
      </c>
      <c r="B2876" s="2">
        <v>0.68229166666666663</v>
      </c>
      <c r="C2876">
        <v>190.07640000000001</v>
      </c>
      <c r="D2876">
        <v>380.15280000000001</v>
      </c>
    </row>
    <row r="2877" spans="1:4" x14ac:dyDescent="0.25">
      <c r="A2877" s="1">
        <v>41893</v>
      </c>
      <c r="B2877" s="2">
        <v>0.69192129629629628</v>
      </c>
      <c r="C2877">
        <v>190.14299999999997</v>
      </c>
      <c r="D2877">
        <v>380.28599999999994</v>
      </c>
    </row>
    <row r="2878" spans="1:4" x14ac:dyDescent="0.25">
      <c r="A2878" s="1">
        <v>41893</v>
      </c>
      <c r="B2878" s="2">
        <v>0.70062500000000005</v>
      </c>
      <c r="C2878">
        <v>190.20959999999997</v>
      </c>
      <c r="D2878">
        <v>380.41919999999993</v>
      </c>
    </row>
    <row r="2879" spans="1:4" x14ac:dyDescent="0.25">
      <c r="A2879" s="1">
        <v>41893</v>
      </c>
      <c r="B2879" s="2">
        <v>0.70903935185185185</v>
      </c>
      <c r="C2879">
        <v>190.27619999999999</v>
      </c>
      <c r="D2879">
        <v>380.55239999999998</v>
      </c>
    </row>
    <row r="2880" spans="1:4" x14ac:dyDescent="0.25">
      <c r="A2880" s="1">
        <v>41893</v>
      </c>
      <c r="B2880" s="2">
        <v>0.71644675925925927</v>
      </c>
      <c r="C2880">
        <v>190.34279999999998</v>
      </c>
      <c r="D2880">
        <v>380.68559999999997</v>
      </c>
    </row>
    <row r="2881" spans="1:4" x14ac:dyDescent="0.25">
      <c r="A2881" s="1">
        <v>41893</v>
      </c>
      <c r="B2881" s="2">
        <v>0.72361111111111109</v>
      </c>
      <c r="C2881">
        <v>190.40940000000001</v>
      </c>
      <c r="D2881">
        <v>380.81880000000001</v>
      </c>
    </row>
    <row r="2882" spans="1:4" x14ac:dyDescent="0.25">
      <c r="A2882" s="1">
        <v>41893</v>
      </c>
      <c r="B2882" s="2">
        <v>0.7299768518518519</v>
      </c>
      <c r="C2882">
        <v>190.47599999999997</v>
      </c>
      <c r="D2882">
        <v>380.95199999999994</v>
      </c>
    </row>
    <row r="2883" spans="1:4" x14ac:dyDescent="0.25">
      <c r="A2883" s="1">
        <v>41893</v>
      </c>
      <c r="B2883" s="2">
        <v>0.73600694444444448</v>
      </c>
      <c r="C2883">
        <v>190.54259999999996</v>
      </c>
      <c r="D2883">
        <v>381.08519999999993</v>
      </c>
    </row>
    <row r="2884" spans="1:4" x14ac:dyDescent="0.25">
      <c r="A2884" s="1">
        <v>41893</v>
      </c>
      <c r="B2884" s="2">
        <v>0.74126157407407411</v>
      </c>
      <c r="C2884">
        <v>190.60919999999999</v>
      </c>
      <c r="D2884">
        <v>381.21839999999997</v>
      </c>
    </row>
    <row r="2885" spans="1:4" x14ac:dyDescent="0.25">
      <c r="A2885" s="1">
        <v>41893</v>
      </c>
      <c r="B2885" s="2">
        <v>0.74633101851851846</v>
      </c>
      <c r="C2885">
        <v>190.67579999999998</v>
      </c>
      <c r="D2885">
        <v>381.35159999999996</v>
      </c>
    </row>
    <row r="2886" spans="1:4" x14ac:dyDescent="0.25">
      <c r="A2886" s="1">
        <v>41893</v>
      </c>
      <c r="B2886" s="2">
        <v>0.7508217592592592</v>
      </c>
      <c r="C2886">
        <v>190.7424</v>
      </c>
      <c r="D2886">
        <v>381.48480000000001</v>
      </c>
    </row>
    <row r="2887" spans="1:4" x14ac:dyDescent="0.25">
      <c r="A2887" s="1">
        <v>41893</v>
      </c>
      <c r="B2887" s="2">
        <v>0.75521990740740741</v>
      </c>
      <c r="C2887">
        <v>190.80899999999997</v>
      </c>
      <c r="D2887">
        <v>381.61799999999994</v>
      </c>
    </row>
    <row r="2888" spans="1:4" x14ac:dyDescent="0.25">
      <c r="A2888" s="1">
        <v>41893</v>
      </c>
      <c r="B2888" s="2">
        <v>0.75900462962962967</v>
      </c>
      <c r="C2888">
        <v>190.87559999999996</v>
      </c>
      <c r="D2888">
        <v>381.75119999999993</v>
      </c>
    </row>
    <row r="2889" spans="1:4" x14ac:dyDescent="0.25">
      <c r="A2889" s="1">
        <v>41893</v>
      </c>
      <c r="B2889" s="2">
        <v>0.76258101851851856</v>
      </c>
      <c r="C2889">
        <v>190.94219999999999</v>
      </c>
      <c r="D2889">
        <v>381.88439999999997</v>
      </c>
    </row>
    <row r="2890" spans="1:4" x14ac:dyDescent="0.25">
      <c r="A2890" s="1">
        <v>41893</v>
      </c>
      <c r="B2890" s="2">
        <v>0.76552083333333332</v>
      </c>
      <c r="C2890">
        <v>191.00879999999998</v>
      </c>
      <c r="D2890">
        <v>382.01759999999996</v>
      </c>
    </row>
    <row r="2891" spans="1:4" x14ac:dyDescent="0.25">
      <c r="A2891" s="1">
        <v>41893</v>
      </c>
      <c r="B2891" s="2">
        <v>0.76824074074074078</v>
      </c>
      <c r="C2891">
        <v>191.0754</v>
      </c>
      <c r="D2891">
        <v>382.1508</v>
      </c>
    </row>
    <row r="2892" spans="1:4" x14ac:dyDescent="0.25">
      <c r="A2892" s="1">
        <v>41893</v>
      </c>
      <c r="B2892" s="2">
        <v>0.77059027777777767</v>
      </c>
      <c r="C2892">
        <v>191.14199999999997</v>
      </c>
      <c r="D2892">
        <v>382.28399999999993</v>
      </c>
    </row>
    <row r="2893" spans="1:4" x14ac:dyDescent="0.25">
      <c r="A2893" s="1">
        <v>41893</v>
      </c>
      <c r="B2893" s="2">
        <v>0.7729166666666667</v>
      </c>
      <c r="C2893">
        <v>191.20859999999999</v>
      </c>
      <c r="D2893">
        <v>382.41719999999998</v>
      </c>
    </row>
    <row r="2894" spans="1:4" x14ac:dyDescent="0.25">
      <c r="A2894" s="1">
        <v>41893</v>
      </c>
      <c r="B2894" s="2">
        <v>0.77503472222222225</v>
      </c>
      <c r="C2894">
        <v>191.27519999999998</v>
      </c>
      <c r="D2894">
        <v>382.55039999999997</v>
      </c>
    </row>
    <row r="2895" spans="1:4" x14ac:dyDescent="0.25">
      <c r="A2895" s="1">
        <v>41893</v>
      </c>
      <c r="B2895" s="2">
        <v>0.77718750000000003</v>
      </c>
      <c r="C2895">
        <v>191.34179999999998</v>
      </c>
      <c r="D2895">
        <v>382.68359999999996</v>
      </c>
    </row>
    <row r="2896" spans="1:4" x14ac:dyDescent="0.25">
      <c r="A2896" s="1">
        <v>41893</v>
      </c>
      <c r="B2896" s="2">
        <v>0.77915509259259252</v>
      </c>
      <c r="C2896">
        <v>191.4084</v>
      </c>
      <c r="D2896">
        <v>382.8168</v>
      </c>
    </row>
    <row r="2897" spans="1:4" x14ac:dyDescent="0.25">
      <c r="A2897" s="1">
        <v>41893</v>
      </c>
      <c r="B2897" s="2">
        <v>0.78118055555555566</v>
      </c>
      <c r="C2897">
        <v>191.47499999999997</v>
      </c>
      <c r="D2897">
        <v>382.94999999999993</v>
      </c>
    </row>
    <row r="2898" spans="1:4" x14ac:dyDescent="0.25">
      <c r="A2898" s="1">
        <v>41893</v>
      </c>
      <c r="B2898" s="2">
        <v>0.7830555555555555</v>
      </c>
      <c r="C2898">
        <v>191.54159999999999</v>
      </c>
      <c r="D2898">
        <v>383.08319999999998</v>
      </c>
    </row>
    <row r="2899" spans="1:4" x14ac:dyDescent="0.25">
      <c r="A2899" s="1">
        <v>41893</v>
      </c>
      <c r="B2899" s="2">
        <v>0.78502314814814811</v>
      </c>
      <c r="C2899">
        <v>191.60819999999998</v>
      </c>
      <c r="D2899">
        <v>383.21639999999996</v>
      </c>
    </row>
    <row r="2900" spans="1:4" x14ac:dyDescent="0.25">
      <c r="A2900" s="1">
        <v>41893</v>
      </c>
      <c r="B2900" s="2">
        <v>0.78684027777777776</v>
      </c>
      <c r="C2900">
        <v>191.67479999999998</v>
      </c>
      <c r="D2900">
        <v>383.34959999999995</v>
      </c>
    </row>
    <row r="2901" spans="1:4" x14ac:dyDescent="0.25">
      <c r="A2901" s="1">
        <v>41893</v>
      </c>
      <c r="B2901" s="2">
        <v>0.78878472222222218</v>
      </c>
      <c r="C2901">
        <v>191.7414</v>
      </c>
      <c r="D2901">
        <v>383.4828</v>
      </c>
    </row>
    <row r="2902" spans="1:4" x14ac:dyDescent="0.25">
      <c r="A2902" s="1">
        <v>41893</v>
      </c>
      <c r="B2902" s="2">
        <v>0.79061342592592598</v>
      </c>
      <c r="C2902">
        <v>191.80799999999996</v>
      </c>
      <c r="D2902">
        <v>383.61599999999993</v>
      </c>
    </row>
    <row r="2903" spans="1:4" x14ac:dyDescent="0.25">
      <c r="A2903" s="1">
        <v>41893</v>
      </c>
      <c r="B2903" s="2">
        <v>0.7925578703703704</v>
      </c>
      <c r="C2903">
        <v>191.87459999999999</v>
      </c>
      <c r="D2903">
        <v>383.74919999999997</v>
      </c>
    </row>
    <row r="2904" spans="1:4" x14ac:dyDescent="0.25">
      <c r="A2904" s="1">
        <v>41893</v>
      </c>
      <c r="B2904" s="2">
        <v>0.79440972222222228</v>
      </c>
      <c r="C2904">
        <v>191.94119999999998</v>
      </c>
      <c r="D2904">
        <v>383.88239999999996</v>
      </c>
    </row>
    <row r="2905" spans="1:4" x14ac:dyDescent="0.25">
      <c r="A2905" s="1">
        <v>41893</v>
      </c>
      <c r="B2905" s="2">
        <v>0.79637731481481477</v>
      </c>
      <c r="C2905">
        <v>192.00779999999997</v>
      </c>
      <c r="D2905">
        <v>384.01559999999995</v>
      </c>
    </row>
    <row r="2906" spans="1:4" x14ac:dyDescent="0.25">
      <c r="A2906" s="1">
        <v>41893</v>
      </c>
      <c r="B2906" s="2">
        <v>0.7982407407407407</v>
      </c>
      <c r="C2906">
        <v>192.0744</v>
      </c>
      <c r="D2906">
        <v>384.14879999999999</v>
      </c>
    </row>
    <row r="2907" spans="1:4" x14ac:dyDescent="0.25">
      <c r="A2907" s="1">
        <v>41893</v>
      </c>
      <c r="B2907" s="2">
        <v>0.80025462962962957</v>
      </c>
      <c r="C2907">
        <v>192.14099999999996</v>
      </c>
      <c r="D2907">
        <v>384.28199999999993</v>
      </c>
    </row>
    <row r="2908" spans="1:4" x14ac:dyDescent="0.25">
      <c r="A2908" s="1">
        <v>41893</v>
      </c>
      <c r="B2908" s="2">
        <v>0.80216435185185186</v>
      </c>
      <c r="C2908">
        <v>192.20759999999999</v>
      </c>
      <c r="D2908">
        <v>384.41519999999997</v>
      </c>
    </row>
    <row r="2909" spans="1:4" x14ac:dyDescent="0.25">
      <c r="A2909" s="1">
        <v>41893</v>
      </c>
      <c r="B2909" s="2">
        <v>0.80420138888888892</v>
      </c>
      <c r="C2909">
        <v>192.27419999999998</v>
      </c>
      <c r="D2909">
        <v>384.54839999999996</v>
      </c>
    </row>
    <row r="2910" spans="1:4" x14ac:dyDescent="0.25">
      <c r="A2910" s="1">
        <v>41893</v>
      </c>
      <c r="B2910" s="2">
        <v>0.80615740740740749</v>
      </c>
      <c r="C2910">
        <v>192.3408</v>
      </c>
      <c r="D2910">
        <v>384.6816</v>
      </c>
    </row>
    <row r="2911" spans="1:4" x14ac:dyDescent="0.25">
      <c r="A2911" s="1">
        <v>41893</v>
      </c>
      <c r="B2911" s="2">
        <v>0.80825231481481474</v>
      </c>
      <c r="C2911">
        <v>192.4074</v>
      </c>
      <c r="D2911">
        <v>384.81479999999999</v>
      </c>
    </row>
    <row r="2912" spans="1:4" x14ac:dyDescent="0.25">
      <c r="A2912" s="1">
        <v>41893</v>
      </c>
      <c r="B2912" s="2">
        <v>0.81026620370370372</v>
      </c>
      <c r="C2912">
        <v>192.47399999999996</v>
      </c>
      <c r="D2912">
        <v>384.94799999999992</v>
      </c>
    </row>
    <row r="2913" spans="1:4" x14ac:dyDescent="0.25">
      <c r="A2913" s="1">
        <v>41893</v>
      </c>
      <c r="B2913" s="2">
        <v>0.81241898148148151</v>
      </c>
      <c r="C2913">
        <v>192.54059999999998</v>
      </c>
      <c r="D2913">
        <v>385.08119999999997</v>
      </c>
    </row>
    <row r="2914" spans="1:4" x14ac:dyDescent="0.25">
      <c r="A2914" s="1">
        <v>41893</v>
      </c>
      <c r="B2914" s="2">
        <v>0.81446759259259249</v>
      </c>
      <c r="C2914">
        <v>192.60719999999998</v>
      </c>
      <c r="D2914">
        <v>385.21439999999996</v>
      </c>
    </row>
    <row r="2915" spans="1:4" x14ac:dyDescent="0.25">
      <c r="A2915" s="1">
        <v>41893</v>
      </c>
      <c r="B2915" s="2">
        <v>0.81672453703703696</v>
      </c>
      <c r="C2915">
        <v>192.6738</v>
      </c>
      <c r="D2915">
        <v>385.3476</v>
      </c>
    </row>
    <row r="2916" spans="1:4" x14ac:dyDescent="0.25">
      <c r="A2916" s="1">
        <v>41893</v>
      </c>
      <c r="B2916" s="2">
        <v>0.81885416666666666</v>
      </c>
      <c r="C2916">
        <v>192.74039999999999</v>
      </c>
      <c r="D2916">
        <v>385.48079999999999</v>
      </c>
    </row>
    <row r="2917" spans="1:4" x14ac:dyDescent="0.25">
      <c r="A2917" s="1">
        <v>41893</v>
      </c>
      <c r="B2917" s="2">
        <v>0.82121527777777781</v>
      </c>
      <c r="C2917">
        <v>192.80699999999996</v>
      </c>
      <c r="D2917">
        <v>385.61399999999992</v>
      </c>
    </row>
    <row r="2918" spans="1:4" x14ac:dyDescent="0.25">
      <c r="A2918" s="1">
        <v>41893</v>
      </c>
      <c r="B2918" s="2">
        <v>0.82346064814814823</v>
      </c>
      <c r="C2918">
        <v>192.87359999999998</v>
      </c>
      <c r="D2918">
        <v>385.74719999999996</v>
      </c>
    </row>
    <row r="2919" spans="1:4" x14ac:dyDescent="0.25">
      <c r="A2919" s="1">
        <v>41893</v>
      </c>
      <c r="B2919" s="2">
        <v>0.82589120370370372</v>
      </c>
      <c r="C2919">
        <v>192.94019999999998</v>
      </c>
      <c r="D2919">
        <v>385.88039999999995</v>
      </c>
    </row>
    <row r="2920" spans="1:4" x14ac:dyDescent="0.25">
      <c r="A2920" s="1">
        <v>41893</v>
      </c>
      <c r="B2920" s="2">
        <v>0.82824074074074072</v>
      </c>
      <c r="C2920">
        <v>193.0068</v>
      </c>
      <c r="D2920">
        <v>386.0136</v>
      </c>
    </row>
    <row r="2921" spans="1:4" x14ac:dyDescent="0.25">
      <c r="A2921" s="1">
        <v>41893</v>
      </c>
      <c r="B2921" s="2">
        <v>0.83078703703703705</v>
      </c>
      <c r="C2921">
        <v>193.07339999999999</v>
      </c>
      <c r="D2921">
        <v>386.14679999999998</v>
      </c>
    </row>
    <row r="2922" spans="1:4" x14ac:dyDescent="0.25">
      <c r="A2922" s="1">
        <v>41893</v>
      </c>
      <c r="B2922" s="2">
        <v>0.83325231481481488</v>
      </c>
      <c r="C2922">
        <v>193.13999999999996</v>
      </c>
      <c r="D2922">
        <v>386.27999999999992</v>
      </c>
    </row>
    <row r="2923" spans="1:4" x14ac:dyDescent="0.25">
      <c r="A2923" s="1">
        <v>41893</v>
      </c>
      <c r="B2923" s="2">
        <v>0.8359375</v>
      </c>
      <c r="C2923">
        <v>193.20659999999998</v>
      </c>
      <c r="D2923">
        <v>386.41319999999996</v>
      </c>
    </row>
    <row r="2924" spans="1:4" x14ac:dyDescent="0.25">
      <c r="A2924" s="1">
        <v>41893</v>
      </c>
      <c r="B2924" s="2">
        <v>0.83850694444444451</v>
      </c>
      <c r="C2924">
        <v>193.27319999999997</v>
      </c>
      <c r="D2924">
        <v>386.54639999999995</v>
      </c>
    </row>
    <row r="2925" spans="1:4" x14ac:dyDescent="0.25">
      <c r="A2925" s="1">
        <v>41893</v>
      </c>
      <c r="B2925" s="2">
        <v>0.84128472222222228</v>
      </c>
      <c r="C2925">
        <v>193.3398</v>
      </c>
      <c r="D2925">
        <v>386.67959999999999</v>
      </c>
    </row>
    <row r="2926" spans="1:4" x14ac:dyDescent="0.25">
      <c r="A2926" s="1">
        <v>41893</v>
      </c>
      <c r="B2926" s="2">
        <v>0.8439699074074074</v>
      </c>
      <c r="C2926">
        <v>193.40639999999999</v>
      </c>
      <c r="D2926">
        <v>386.81279999999998</v>
      </c>
    </row>
    <row r="2927" spans="1:4" x14ac:dyDescent="0.25">
      <c r="A2927" s="1">
        <v>41893</v>
      </c>
      <c r="B2927" s="2">
        <v>0.84689814814814823</v>
      </c>
      <c r="C2927">
        <v>193.47299999999998</v>
      </c>
      <c r="D2927">
        <v>386.94599999999997</v>
      </c>
    </row>
    <row r="2928" spans="1:4" x14ac:dyDescent="0.25">
      <c r="A2928" s="1">
        <v>41893</v>
      </c>
      <c r="B2928" s="2">
        <v>0.84972222222222227</v>
      </c>
      <c r="C2928">
        <v>193.53959999999998</v>
      </c>
      <c r="D2928">
        <v>387.07919999999996</v>
      </c>
    </row>
    <row r="2929" spans="1:4" x14ac:dyDescent="0.25">
      <c r="A2929" s="1">
        <v>41893</v>
      </c>
      <c r="B2929" s="2">
        <v>0.8528472222222222</v>
      </c>
      <c r="C2929">
        <v>193.60619999999997</v>
      </c>
      <c r="D2929">
        <v>387.21239999999995</v>
      </c>
    </row>
    <row r="2930" spans="1:4" x14ac:dyDescent="0.25">
      <c r="A2930" s="1">
        <v>41893</v>
      </c>
      <c r="B2930" s="2">
        <v>0.85581018518518526</v>
      </c>
      <c r="C2930">
        <v>193.6728</v>
      </c>
      <c r="D2930">
        <v>387.34559999999999</v>
      </c>
    </row>
    <row r="2931" spans="1:4" x14ac:dyDescent="0.25">
      <c r="A2931" s="1">
        <v>41893</v>
      </c>
      <c r="B2931" s="2">
        <v>0.85906249999999995</v>
      </c>
      <c r="C2931">
        <v>193.73939999999999</v>
      </c>
      <c r="D2931">
        <v>387.47879999999998</v>
      </c>
    </row>
    <row r="2932" spans="1:4" x14ac:dyDescent="0.25">
      <c r="A2932" s="1">
        <v>41893</v>
      </c>
      <c r="B2932" s="2">
        <v>0.86221064814814818</v>
      </c>
      <c r="C2932">
        <v>193.80599999999998</v>
      </c>
      <c r="D2932">
        <v>387.61199999999997</v>
      </c>
    </row>
    <row r="2933" spans="1:4" x14ac:dyDescent="0.25">
      <c r="A2933" s="1">
        <v>41893</v>
      </c>
      <c r="B2933" s="2">
        <v>0.86567129629629624</v>
      </c>
      <c r="C2933">
        <v>193.87259999999998</v>
      </c>
      <c r="D2933">
        <v>387.74519999999995</v>
      </c>
    </row>
    <row r="2934" spans="1:4" x14ac:dyDescent="0.25">
      <c r="A2934" s="1">
        <v>41893</v>
      </c>
      <c r="B2934" s="2">
        <v>0.8690162037037038</v>
      </c>
      <c r="C2934">
        <v>193.93919999999997</v>
      </c>
      <c r="D2934">
        <v>387.87839999999994</v>
      </c>
    </row>
    <row r="2935" spans="1:4" x14ac:dyDescent="0.25">
      <c r="A2935" s="1">
        <v>41893</v>
      </c>
      <c r="B2935" s="2">
        <v>0.87267361111111119</v>
      </c>
      <c r="C2935">
        <v>194.00579999999999</v>
      </c>
      <c r="D2935">
        <v>388.01159999999999</v>
      </c>
    </row>
    <row r="2936" spans="1:4" x14ac:dyDescent="0.25">
      <c r="A2936" s="1">
        <v>41893</v>
      </c>
      <c r="B2936" s="2">
        <v>0.87621527777777775</v>
      </c>
      <c r="C2936">
        <v>194.07239999999999</v>
      </c>
      <c r="D2936">
        <v>388.14479999999998</v>
      </c>
    </row>
    <row r="2937" spans="1:4" x14ac:dyDescent="0.25">
      <c r="A2937" s="1">
        <v>41893</v>
      </c>
      <c r="B2937" s="2">
        <v>0.88011574074074073</v>
      </c>
      <c r="C2937">
        <v>194.13899999999998</v>
      </c>
      <c r="D2937">
        <v>388.27799999999996</v>
      </c>
    </row>
    <row r="2938" spans="1:4" x14ac:dyDescent="0.25">
      <c r="A2938" s="1">
        <v>41893</v>
      </c>
      <c r="B2938" s="2">
        <v>0.88388888888888895</v>
      </c>
      <c r="C2938">
        <v>194.20559999999998</v>
      </c>
      <c r="D2938">
        <v>388.41119999999995</v>
      </c>
    </row>
    <row r="2939" spans="1:4" x14ac:dyDescent="0.25">
      <c r="A2939" s="1">
        <v>41893</v>
      </c>
      <c r="B2939" s="2">
        <v>0.88806712962962964</v>
      </c>
      <c r="C2939">
        <v>194.27219999999997</v>
      </c>
      <c r="D2939">
        <v>388.54439999999994</v>
      </c>
    </row>
    <row r="2940" spans="1:4" x14ac:dyDescent="0.25">
      <c r="A2940" s="1">
        <v>41893</v>
      </c>
      <c r="B2940" s="2">
        <v>0.89212962962962961</v>
      </c>
      <c r="C2940">
        <v>194.33879999999999</v>
      </c>
      <c r="D2940">
        <v>388.67759999999998</v>
      </c>
    </row>
    <row r="2941" spans="1:4" x14ac:dyDescent="0.25">
      <c r="A2941" s="1">
        <v>41893</v>
      </c>
      <c r="B2941" s="2">
        <v>0.89662037037037035</v>
      </c>
      <c r="C2941">
        <v>194.40539999999999</v>
      </c>
      <c r="D2941">
        <v>388.81079999999997</v>
      </c>
    </row>
    <row r="2942" spans="1:4" x14ac:dyDescent="0.25">
      <c r="A2942" s="1">
        <v>41893</v>
      </c>
      <c r="B2942" s="2">
        <v>0.90097222222222229</v>
      </c>
      <c r="C2942">
        <v>194.47199999999998</v>
      </c>
      <c r="D2942">
        <v>388.94399999999996</v>
      </c>
    </row>
    <row r="2943" spans="1:4" x14ac:dyDescent="0.25">
      <c r="A2943" s="1">
        <v>41893</v>
      </c>
      <c r="B2943" s="2">
        <v>0.90577546296296296</v>
      </c>
      <c r="C2943">
        <v>194.53859999999997</v>
      </c>
      <c r="D2943">
        <v>389.07719999999995</v>
      </c>
    </row>
    <row r="2944" spans="1:4" x14ac:dyDescent="0.25">
      <c r="A2944" s="1">
        <v>41893</v>
      </c>
      <c r="B2944" s="2">
        <v>0.91039351851851846</v>
      </c>
      <c r="C2944">
        <v>194.6052</v>
      </c>
      <c r="D2944">
        <v>389.21039999999999</v>
      </c>
    </row>
    <row r="2945" spans="1:4" x14ac:dyDescent="0.25">
      <c r="A2945" s="1">
        <v>41893</v>
      </c>
      <c r="B2945" s="2">
        <v>0.91555555555555557</v>
      </c>
      <c r="C2945">
        <v>194.67179999999999</v>
      </c>
      <c r="D2945">
        <v>389.34359999999998</v>
      </c>
    </row>
    <row r="2946" spans="1:4" x14ac:dyDescent="0.25">
      <c r="A2946" s="1">
        <v>41893</v>
      </c>
      <c r="B2946" s="2">
        <v>0.92053240740740738</v>
      </c>
      <c r="C2946">
        <v>194.73839999999998</v>
      </c>
      <c r="D2946">
        <v>389.47679999999997</v>
      </c>
    </row>
    <row r="2947" spans="1:4" x14ac:dyDescent="0.25">
      <c r="A2947" s="1">
        <v>41893</v>
      </c>
      <c r="B2947" s="2">
        <v>0.92606481481481484</v>
      </c>
      <c r="C2947">
        <v>194.80499999999998</v>
      </c>
      <c r="D2947">
        <v>389.60999999999996</v>
      </c>
    </row>
    <row r="2948" spans="1:4" x14ac:dyDescent="0.25">
      <c r="A2948" s="1">
        <v>41893</v>
      </c>
      <c r="B2948" s="2">
        <v>0.93137731481481489</v>
      </c>
      <c r="C2948">
        <v>194.87159999999997</v>
      </c>
      <c r="D2948">
        <v>389.74319999999994</v>
      </c>
    </row>
    <row r="2949" spans="1:4" x14ac:dyDescent="0.25">
      <c r="A2949" s="1">
        <v>41893</v>
      </c>
      <c r="B2949" s="2">
        <v>0.93730324074074067</v>
      </c>
      <c r="C2949">
        <v>194.93819999999999</v>
      </c>
      <c r="D2949">
        <v>389.87639999999999</v>
      </c>
    </row>
    <row r="2950" spans="1:4" x14ac:dyDescent="0.25">
      <c r="A2950" s="1">
        <v>41893</v>
      </c>
      <c r="B2950" s="2">
        <v>0.94305555555555554</v>
      </c>
      <c r="C2950">
        <v>195.00479999999999</v>
      </c>
      <c r="D2950">
        <v>390.00959999999998</v>
      </c>
    </row>
    <row r="2951" spans="1:4" x14ac:dyDescent="0.25">
      <c r="A2951" s="1">
        <v>41893</v>
      </c>
      <c r="B2951" s="2">
        <v>0.94949074074074069</v>
      </c>
      <c r="C2951">
        <v>195.07139999999998</v>
      </c>
      <c r="D2951">
        <v>390.14279999999997</v>
      </c>
    </row>
    <row r="2952" spans="1:4" x14ac:dyDescent="0.25">
      <c r="A2952" s="1">
        <v>41893</v>
      </c>
      <c r="B2952" s="2">
        <v>0.95569444444444451</v>
      </c>
      <c r="C2952">
        <v>195.13799999999998</v>
      </c>
      <c r="D2952">
        <v>390.27599999999995</v>
      </c>
    </row>
    <row r="2953" spans="1:4" x14ac:dyDescent="0.25">
      <c r="A2953" s="1">
        <v>41893</v>
      </c>
      <c r="B2953" s="2">
        <v>0.9625462962962964</v>
      </c>
      <c r="C2953">
        <v>195.20459999999997</v>
      </c>
      <c r="D2953">
        <v>390.40919999999994</v>
      </c>
    </row>
    <row r="2954" spans="1:4" x14ac:dyDescent="0.25">
      <c r="A2954" s="1">
        <v>41893</v>
      </c>
      <c r="B2954" s="2">
        <v>0.96914351851851854</v>
      </c>
      <c r="C2954">
        <v>195.27119999999999</v>
      </c>
      <c r="D2954">
        <v>390.54239999999999</v>
      </c>
    </row>
    <row r="2955" spans="1:4" x14ac:dyDescent="0.25">
      <c r="A2955" s="1">
        <v>41893</v>
      </c>
      <c r="B2955" s="2">
        <v>0.97643518518518524</v>
      </c>
      <c r="C2955">
        <v>195.33779999999999</v>
      </c>
      <c r="D2955">
        <v>390.67559999999997</v>
      </c>
    </row>
    <row r="2956" spans="1:4" x14ac:dyDescent="0.25">
      <c r="A2956" s="1">
        <v>41893</v>
      </c>
      <c r="B2956" s="2">
        <v>0.98343749999999996</v>
      </c>
      <c r="C2956">
        <v>195.40439999999998</v>
      </c>
      <c r="D2956">
        <v>390.80879999999996</v>
      </c>
    </row>
    <row r="2957" spans="1:4" x14ac:dyDescent="0.25">
      <c r="A2957" s="1">
        <v>41893</v>
      </c>
      <c r="B2957" s="2">
        <v>0.99124999999999996</v>
      </c>
      <c r="C2957">
        <v>195.47099999999998</v>
      </c>
      <c r="D2957">
        <v>390.94199999999995</v>
      </c>
    </row>
    <row r="2958" spans="1:4" x14ac:dyDescent="0.25">
      <c r="A2958" s="1">
        <v>41893</v>
      </c>
      <c r="B2958" s="2">
        <v>0.99886574074074075</v>
      </c>
      <c r="C2958">
        <v>195.53759999999997</v>
      </c>
      <c r="D2958">
        <v>391.07519999999994</v>
      </c>
    </row>
    <row r="2959" spans="1:4" x14ac:dyDescent="0.25">
      <c r="A2959" s="1">
        <v>41894</v>
      </c>
      <c r="B2959" s="2">
        <v>7.3379629629629628E-3</v>
      </c>
      <c r="C2959">
        <v>195.60419999999999</v>
      </c>
      <c r="D2959">
        <v>391.20839999999998</v>
      </c>
    </row>
    <row r="2960" spans="1:4" x14ac:dyDescent="0.25">
      <c r="A2960" s="1">
        <v>41894</v>
      </c>
      <c r="B2960" s="2">
        <v>1.5474537037037038E-2</v>
      </c>
      <c r="C2960">
        <v>195.67079999999999</v>
      </c>
      <c r="D2960">
        <v>391.34159999999997</v>
      </c>
    </row>
    <row r="2961" spans="1:4" x14ac:dyDescent="0.25">
      <c r="A2961" s="1">
        <v>41894</v>
      </c>
      <c r="B2961" s="2">
        <v>2.4502314814814814E-2</v>
      </c>
      <c r="C2961">
        <v>195.73740000000001</v>
      </c>
      <c r="D2961">
        <v>391.47480000000002</v>
      </c>
    </row>
    <row r="2962" spans="1:4" x14ac:dyDescent="0.25">
      <c r="A2962" s="1">
        <v>41894</v>
      </c>
      <c r="B2962" s="2">
        <v>3.3287037037037039E-2</v>
      </c>
      <c r="C2962">
        <v>195.80399999999997</v>
      </c>
      <c r="D2962">
        <v>391.60799999999995</v>
      </c>
    </row>
    <row r="2963" spans="1:4" x14ac:dyDescent="0.25">
      <c r="A2963" s="1">
        <v>41894</v>
      </c>
      <c r="B2963" s="2">
        <v>4.2916666666666665E-2</v>
      </c>
      <c r="C2963">
        <v>195.87059999999997</v>
      </c>
      <c r="D2963">
        <v>391.74119999999994</v>
      </c>
    </row>
    <row r="2964" spans="1:4" x14ac:dyDescent="0.25">
      <c r="A2964" s="1">
        <v>41894</v>
      </c>
      <c r="B2964" s="2">
        <v>5.2326388888888888E-2</v>
      </c>
      <c r="C2964">
        <v>195.93719999999999</v>
      </c>
      <c r="D2964">
        <v>391.87439999999998</v>
      </c>
    </row>
    <row r="2965" spans="1:4" x14ac:dyDescent="0.25">
      <c r="A2965" s="1">
        <v>41894</v>
      </c>
      <c r="B2965" s="2">
        <v>6.2754629629629632E-2</v>
      </c>
      <c r="C2965">
        <v>196.00379999999998</v>
      </c>
      <c r="D2965">
        <v>392.00759999999997</v>
      </c>
    </row>
    <row r="2966" spans="1:4" x14ac:dyDescent="0.25">
      <c r="A2966" s="1">
        <v>41894</v>
      </c>
      <c r="B2966" s="2">
        <v>7.2881944444444444E-2</v>
      </c>
      <c r="C2966">
        <v>196.07040000000001</v>
      </c>
      <c r="D2966">
        <v>392.14080000000001</v>
      </c>
    </row>
    <row r="2967" spans="1:4" x14ac:dyDescent="0.25">
      <c r="A2967" s="1">
        <v>41894</v>
      </c>
      <c r="B2967" s="2">
        <v>8.396990740740741E-2</v>
      </c>
      <c r="C2967">
        <v>196.13699999999997</v>
      </c>
      <c r="D2967">
        <v>392.27399999999994</v>
      </c>
    </row>
    <row r="2968" spans="1:4" x14ac:dyDescent="0.25">
      <c r="A2968" s="1">
        <v>41894</v>
      </c>
      <c r="B2968" s="2">
        <v>9.481481481481481E-2</v>
      </c>
      <c r="C2968">
        <v>196.20359999999997</v>
      </c>
      <c r="D2968">
        <v>392.40719999999993</v>
      </c>
    </row>
    <row r="2969" spans="1:4" x14ac:dyDescent="0.25">
      <c r="A2969" s="1">
        <v>41894</v>
      </c>
      <c r="B2969" s="2">
        <v>0.10682870370370372</v>
      </c>
      <c r="C2969">
        <v>196.27019999999999</v>
      </c>
      <c r="D2969">
        <v>392.54039999999998</v>
      </c>
    </row>
    <row r="2970" spans="1:4" x14ac:dyDescent="0.25">
      <c r="A2970" s="1">
        <v>41894</v>
      </c>
      <c r="B2970" s="2">
        <v>0.11849537037037038</v>
      </c>
      <c r="C2970">
        <v>196.33679999999998</v>
      </c>
      <c r="D2970">
        <v>392.67359999999996</v>
      </c>
    </row>
    <row r="2971" spans="1:4" x14ac:dyDescent="0.25">
      <c r="A2971" s="1">
        <v>41894</v>
      </c>
      <c r="B2971" s="2">
        <v>0.13149305555555554</v>
      </c>
      <c r="C2971">
        <v>196.4034</v>
      </c>
      <c r="D2971">
        <v>392.80680000000001</v>
      </c>
    </row>
    <row r="2972" spans="1:4" x14ac:dyDescent="0.25">
      <c r="A2972" s="1">
        <v>41894</v>
      </c>
      <c r="B2972" s="2">
        <v>0.14395833333333333</v>
      </c>
      <c r="C2972">
        <v>196.46999999999997</v>
      </c>
      <c r="D2972">
        <v>392.93999999999994</v>
      </c>
    </row>
    <row r="2973" spans="1:4" x14ac:dyDescent="0.25">
      <c r="A2973" s="1">
        <v>41894</v>
      </c>
      <c r="B2973" s="2">
        <v>0.15778935185185186</v>
      </c>
      <c r="C2973">
        <v>196.53659999999996</v>
      </c>
      <c r="D2973">
        <v>393.07319999999993</v>
      </c>
    </row>
    <row r="2974" spans="1:4" x14ac:dyDescent="0.25">
      <c r="A2974" s="1">
        <v>41894</v>
      </c>
      <c r="B2974" s="2">
        <v>0.17141203703703703</v>
      </c>
      <c r="C2974">
        <v>196.60319999999999</v>
      </c>
      <c r="D2974">
        <v>393.20639999999997</v>
      </c>
    </row>
    <row r="2975" spans="1:4" x14ac:dyDescent="0.25">
      <c r="A2975" s="1">
        <v>41894</v>
      </c>
      <c r="B2975" s="2">
        <v>0.18625</v>
      </c>
      <c r="C2975">
        <v>196.66979999999998</v>
      </c>
      <c r="D2975">
        <v>393.33959999999996</v>
      </c>
    </row>
    <row r="2976" spans="1:4" x14ac:dyDescent="0.25">
      <c r="A2976" s="1">
        <v>41894</v>
      </c>
      <c r="B2976" s="2">
        <v>0.20060185185185186</v>
      </c>
      <c r="C2976">
        <v>196.7364</v>
      </c>
      <c r="D2976">
        <v>393.47280000000001</v>
      </c>
    </row>
    <row r="2977" spans="1:4" x14ac:dyDescent="0.25">
      <c r="A2977" s="1">
        <v>41894</v>
      </c>
      <c r="B2977" s="2">
        <v>0.21629629629629629</v>
      </c>
      <c r="C2977">
        <v>196.80299999999997</v>
      </c>
      <c r="D2977">
        <v>393.60599999999994</v>
      </c>
    </row>
    <row r="2978" spans="1:4" x14ac:dyDescent="0.25">
      <c r="A2978" s="1">
        <v>41894</v>
      </c>
      <c r="B2978" s="2">
        <v>0.23165509259259257</v>
      </c>
      <c r="C2978">
        <v>196.86959999999996</v>
      </c>
      <c r="D2978">
        <v>393.73919999999993</v>
      </c>
    </row>
    <row r="2979" spans="1:4" x14ac:dyDescent="0.25">
      <c r="A2979" s="1">
        <v>41894</v>
      </c>
      <c r="B2979" s="2">
        <v>0.2486689814814815</v>
      </c>
      <c r="C2979">
        <v>196.93619999999999</v>
      </c>
      <c r="D2979">
        <v>393.87239999999997</v>
      </c>
    </row>
    <row r="2980" spans="1:4" x14ac:dyDescent="0.25">
      <c r="A2980" s="1">
        <v>41894</v>
      </c>
      <c r="B2980" s="2">
        <v>0.26528935185185182</v>
      </c>
      <c r="C2980">
        <v>197.00279999999998</v>
      </c>
      <c r="D2980">
        <v>394.00559999999996</v>
      </c>
    </row>
    <row r="2981" spans="1:4" x14ac:dyDescent="0.25">
      <c r="A2981" s="1">
        <v>41894</v>
      </c>
      <c r="B2981" s="2">
        <v>0.28391203703703705</v>
      </c>
      <c r="C2981">
        <v>197.0694</v>
      </c>
      <c r="D2981">
        <v>394.1388</v>
      </c>
    </row>
    <row r="2982" spans="1:4" x14ac:dyDescent="0.25">
      <c r="A2982" s="1">
        <v>41894</v>
      </c>
      <c r="B2982" s="2">
        <v>0.30186342592592591</v>
      </c>
      <c r="C2982">
        <v>197.13599999999997</v>
      </c>
      <c r="D2982">
        <v>394.27199999999993</v>
      </c>
    </row>
    <row r="2983" spans="1:4" x14ac:dyDescent="0.25">
      <c r="A2983" s="1">
        <v>41894</v>
      </c>
      <c r="B2983" s="2">
        <v>0.32188657407407406</v>
      </c>
      <c r="C2983">
        <v>197.20259999999999</v>
      </c>
      <c r="D2983">
        <v>394.40519999999998</v>
      </c>
    </row>
    <row r="2984" spans="1:4" x14ac:dyDescent="0.25">
      <c r="A2984" s="1">
        <v>41894</v>
      </c>
      <c r="B2984" s="2">
        <v>0.34128472222222223</v>
      </c>
      <c r="C2984">
        <v>197.26919999999998</v>
      </c>
      <c r="D2984">
        <v>394.53839999999997</v>
      </c>
    </row>
    <row r="2985" spans="1:4" x14ac:dyDescent="0.25">
      <c r="A2985" s="1">
        <v>41894</v>
      </c>
      <c r="B2985" s="2">
        <v>0.36295138888888889</v>
      </c>
      <c r="C2985">
        <v>197.33579999999998</v>
      </c>
      <c r="D2985">
        <v>394.67159999999996</v>
      </c>
    </row>
    <row r="2986" spans="1:4" x14ac:dyDescent="0.25">
      <c r="A2986" s="1">
        <v>41894</v>
      </c>
      <c r="B2986" s="2">
        <v>0.38394675925925931</v>
      </c>
      <c r="C2986">
        <v>197.4024</v>
      </c>
      <c r="D2986">
        <v>394.8048</v>
      </c>
    </row>
    <row r="2987" spans="1:4" x14ac:dyDescent="0.25">
      <c r="A2987" s="1">
        <v>41894</v>
      </c>
      <c r="B2987" s="2">
        <v>0.40725694444444444</v>
      </c>
      <c r="C2987">
        <v>197.46899999999997</v>
      </c>
      <c r="D2987">
        <v>394.93799999999993</v>
      </c>
    </row>
    <row r="2988" spans="1:4" x14ac:dyDescent="0.25">
      <c r="A2988" s="1">
        <v>41894</v>
      </c>
      <c r="B2988" s="2">
        <v>0.42959490740740741</v>
      </c>
      <c r="C2988">
        <v>197.53559999999999</v>
      </c>
      <c r="D2988">
        <v>395.07119999999998</v>
      </c>
    </row>
    <row r="2989" spans="1:4" x14ac:dyDescent="0.25">
      <c r="A2989" s="1">
        <v>41894</v>
      </c>
      <c r="B2989" s="2">
        <v>0.45461805555555551</v>
      </c>
      <c r="C2989">
        <v>197.60219999999998</v>
      </c>
      <c r="D2989">
        <v>395.20439999999996</v>
      </c>
    </row>
    <row r="2990" spans="1:4" x14ac:dyDescent="0.25">
      <c r="A2990" s="1">
        <v>41894</v>
      </c>
      <c r="B2990" s="2">
        <v>0.47856481481481478</v>
      </c>
      <c r="C2990">
        <v>197.66879999999998</v>
      </c>
      <c r="D2990">
        <v>395.33759999999995</v>
      </c>
    </row>
    <row r="2991" spans="1:4" x14ac:dyDescent="0.25">
      <c r="A2991" s="1">
        <v>41894</v>
      </c>
      <c r="B2991" s="2">
        <v>0.50535879629629632</v>
      </c>
      <c r="C2991">
        <v>197.7354</v>
      </c>
      <c r="D2991">
        <v>395.4708</v>
      </c>
    </row>
    <row r="2992" spans="1:4" x14ac:dyDescent="0.25">
      <c r="A2992" s="1">
        <v>41894</v>
      </c>
      <c r="B2992" s="2">
        <v>0.53129629629629627</v>
      </c>
      <c r="C2992">
        <v>197.80199999999996</v>
      </c>
      <c r="D2992">
        <v>395.60399999999993</v>
      </c>
    </row>
    <row r="2993" spans="1:4" x14ac:dyDescent="0.25">
      <c r="A2993" s="1">
        <v>41894</v>
      </c>
      <c r="B2993" s="2">
        <v>0.56005787037037036</v>
      </c>
      <c r="C2993">
        <v>197.86859999999999</v>
      </c>
      <c r="D2993">
        <v>395.73719999999997</v>
      </c>
    </row>
    <row r="2994" spans="1:4" x14ac:dyDescent="0.25">
      <c r="A2994" s="1">
        <v>41894</v>
      </c>
      <c r="B2994" s="2">
        <v>0.58813657407407405</v>
      </c>
      <c r="C2994">
        <v>197.93519999999998</v>
      </c>
      <c r="D2994">
        <v>395.87039999999996</v>
      </c>
    </row>
    <row r="2995" spans="1:4" x14ac:dyDescent="0.25">
      <c r="A2995" s="1">
        <v>41894</v>
      </c>
      <c r="B2995" s="2">
        <v>0.61872685185185183</v>
      </c>
      <c r="C2995">
        <v>198.00179999999997</v>
      </c>
      <c r="D2995">
        <v>396.00359999999995</v>
      </c>
    </row>
    <row r="2996" spans="1:4" x14ac:dyDescent="0.25">
      <c r="A2996" s="1">
        <v>41894</v>
      </c>
      <c r="B2996" s="2">
        <v>0.64899305555555553</v>
      </c>
      <c r="C2996">
        <v>198.0684</v>
      </c>
      <c r="D2996">
        <v>396.13679999999999</v>
      </c>
    </row>
    <row r="2997" spans="1:4" x14ac:dyDescent="0.25">
      <c r="A2997" s="1">
        <v>41894</v>
      </c>
      <c r="B2997" s="2">
        <v>0.68256944444444445</v>
      </c>
      <c r="C2997">
        <v>198.13499999999996</v>
      </c>
      <c r="D2997">
        <v>396.26999999999992</v>
      </c>
    </row>
    <row r="2998" spans="1:4" x14ac:dyDescent="0.25">
      <c r="A2998" s="1">
        <v>41894</v>
      </c>
      <c r="B2998" s="2">
        <v>0.71486111111111106</v>
      </c>
      <c r="C2998">
        <v>198.20159999999998</v>
      </c>
      <c r="D2998">
        <v>396.40319999999997</v>
      </c>
    </row>
    <row r="2999" spans="1:4" x14ac:dyDescent="0.25">
      <c r="A2999" s="1">
        <v>41894</v>
      </c>
      <c r="B2999" s="2">
        <v>0.7330092592592593</v>
      </c>
      <c r="C2999">
        <v>198.26819999999998</v>
      </c>
      <c r="D2999">
        <v>396.53639999999996</v>
      </c>
    </row>
    <row r="3000" spans="1:4" x14ac:dyDescent="0.25">
      <c r="A3000" s="1">
        <v>41894</v>
      </c>
      <c r="B3000" s="2">
        <v>0.7399768518518518</v>
      </c>
      <c r="C3000">
        <v>198.3348</v>
      </c>
      <c r="D3000">
        <v>396.6696</v>
      </c>
    </row>
    <row r="3001" spans="1:4" x14ac:dyDescent="0.25">
      <c r="A3001" s="1">
        <v>41894</v>
      </c>
      <c r="B3001" s="2">
        <v>0.74903935185185189</v>
      </c>
      <c r="C3001">
        <v>198.4014</v>
      </c>
      <c r="D3001">
        <v>396.80279999999999</v>
      </c>
    </row>
    <row r="3002" spans="1:4" x14ac:dyDescent="0.25">
      <c r="A3002" s="1">
        <v>41894</v>
      </c>
      <c r="B3002" s="2">
        <v>0.75988425925925929</v>
      </c>
      <c r="C3002">
        <v>198.46799999999996</v>
      </c>
      <c r="D3002">
        <v>396.93599999999992</v>
      </c>
    </row>
    <row r="3003" spans="1:4" x14ac:dyDescent="0.25">
      <c r="A3003" s="1">
        <v>41894</v>
      </c>
      <c r="B3003" s="2">
        <v>0.7726736111111111</v>
      </c>
      <c r="C3003">
        <v>198.53459999999998</v>
      </c>
      <c r="D3003">
        <v>397.06919999999997</v>
      </c>
    </row>
    <row r="3004" spans="1:4" x14ac:dyDescent="0.25">
      <c r="A3004" s="1">
        <v>41894</v>
      </c>
      <c r="B3004" s="2">
        <v>0.78436342592592589</v>
      </c>
      <c r="C3004">
        <v>198.60119999999998</v>
      </c>
      <c r="D3004">
        <v>397.20239999999995</v>
      </c>
    </row>
    <row r="3005" spans="1:4" x14ac:dyDescent="0.25">
      <c r="A3005" s="1">
        <v>41894</v>
      </c>
      <c r="B3005" s="2">
        <v>0.79583333333333339</v>
      </c>
      <c r="C3005">
        <v>198.6678</v>
      </c>
      <c r="D3005">
        <v>397.3356</v>
      </c>
    </row>
    <row r="3006" spans="1:4" x14ac:dyDescent="0.25">
      <c r="A3006" s="1">
        <v>41894</v>
      </c>
      <c r="B3006" s="2">
        <v>0.80563657407407396</v>
      </c>
      <c r="C3006">
        <v>198.73439999999999</v>
      </c>
      <c r="D3006">
        <v>397.46879999999999</v>
      </c>
    </row>
    <row r="3007" spans="1:4" x14ac:dyDescent="0.25">
      <c r="A3007" s="1">
        <v>41894</v>
      </c>
      <c r="B3007" s="2">
        <v>0.81495370370370368</v>
      </c>
      <c r="C3007">
        <v>198.80099999999996</v>
      </c>
      <c r="D3007">
        <v>397.60199999999992</v>
      </c>
    </row>
    <row r="3008" spans="1:4" x14ac:dyDescent="0.25">
      <c r="A3008" s="1">
        <v>41894</v>
      </c>
      <c r="B3008" s="2">
        <v>0.82359953703703714</v>
      </c>
      <c r="C3008">
        <v>198.86759999999998</v>
      </c>
      <c r="D3008">
        <v>397.73519999999996</v>
      </c>
    </row>
    <row r="3009" spans="1:4" x14ac:dyDescent="0.25">
      <c r="A3009" s="1">
        <v>41894</v>
      </c>
      <c r="B3009" s="2">
        <v>0.83232638888888888</v>
      </c>
      <c r="C3009">
        <v>198.93419999999998</v>
      </c>
      <c r="D3009">
        <v>397.86839999999995</v>
      </c>
    </row>
    <row r="3010" spans="1:4" x14ac:dyDescent="0.25">
      <c r="A3010" s="1">
        <v>41894</v>
      </c>
      <c r="B3010" s="2">
        <v>0.84056712962962965</v>
      </c>
      <c r="C3010">
        <v>199.0008</v>
      </c>
      <c r="D3010">
        <v>398.0016</v>
      </c>
    </row>
    <row r="3011" spans="1:4" x14ac:dyDescent="0.25">
      <c r="A3011" s="1">
        <v>41894</v>
      </c>
      <c r="B3011" s="2">
        <v>0.84871527777777767</v>
      </c>
      <c r="C3011">
        <v>199.06739999999999</v>
      </c>
      <c r="D3011">
        <v>398.13479999999998</v>
      </c>
    </row>
    <row r="3012" spans="1:4" x14ac:dyDescent="0.25">
      <c r="A3012" s="1">
        <v>41894</v>
      </c>
      <c r="B3012" s="2">
        <v>0.85575231481481484</v>
      </c>
      <c r="C3012">
        <v>199.13399999999996</v>
      </c>
      <c r="D3012">
        <v>398.26799999999992</v>
      </c>
    </row>
    <row r="3013" spans="1:4" x14ac:dyDescent="0.25">
      <c r="A3013" s="1">
        <v>41894</v>
      </c>
      <c r="B3013" s="2">
        <v>0.86255787037037035</v>
      </c>
      <c r="C3013">
        <v>199.20059999999998</v>
      </c>
      <c r="D3013">
        <v>398.40119999999996</v>
      </c>
    </row>
    <row r="3014" spans="1:4" x14ac:dyDescent="0.25">
      <c r="A3014" s="1">
        <v>41894</v>
      </c>
      <c r="B3014" s="2">
        <v>0.86869212962962961</v>
      </c>
      <c r="C3014">
        <v>199.26719999999997</v>
      </c>
      <c r="D3014">
        <v>398.53439999999995</v>
      </c>
    </row>
    <row r="3015" spans="1:4" x14ac:dyDescent="0.25">
      <c r="A3015" s="1">
        <v>41894</v>
      </c>
      <c r="B3015" s="2">
        <v>0.87496527777777777</v>
      </c>
      <c r="C3015">
        <v>199.3338</v>
      </c>
      <c r="D3015">
        <v>398.66759999999999</v>
      </c>
    </row>
    <row r="3016" spans="1:4" x14ac:dyDescent="0.25">
      <c r="A3016" s="1">
        <v>41894</v>
      </c>
      <c r="B3016" s="2">
        <v>0.88045138888888885</v>
      </c>
      <c r="C3016">
        <v>199.40039999999999</v>
      </c>
      <c r="D3016">
        <v>398.80079999999998</v>
      </c>
    </row>
    <row r="3017" spans="1:4" x14ac:dyDescent="0.25">
      <c r="A3017" s="1">
        <v>41894</v>
      </c>
      <c r="B3017" s="2">
        <v>0.88515046296296296</v>
      </c>
      <c r="C3017">
        <v>199.46699999999998</v>
      </c>
      <c r="D3017">
        <v>398.93399999999997</v>
      </c>
    </row>
    <row r="3018" spans="1:4" x14ac:dyDescent="0.25">
      <c r="A3018" s="1">
        <v>41894</v>
      </c>
      <c r="B3018" s="2">
        <v>0.88895833333333341</v>
      </c>
      <c r="C3018">
        <v>199.53359999999998</v>
      </c>
      <c r="D3018">
        <v>399.06719999999996</v>
      </c>
    </row>
    <row r="3019" spans="1:4" x14ac:dyDescent="0.25">
      <c r="A3019" s="1">
        <v>41894</v>
      </c>
      <c r="B3019" s="2">
        <v>0.89233796296296297</v>
      </c>
      <c r="C3019">
        <v>199.60019999999997</v>
      </c>
      <c r="D3019">
        <v>399.20039999999995</v>
      </c>
    </row>
    <row r="3020" spans="1:4" x14ac:dyDescent="0.25">
      <c r="A3020" s="1">
        <v>41894</v>
      </c>
      <c r="B3020" s="2">
        <v>0.89520833333333327</v>
      </c>
      <c r="C3020">
        <v>199.66679999999999</v>
      </c>
      <c r="D3020">
        <v>399.33359999999999</v>
      </c>
    </row>
    <row r="3021" spans="1:4" x14ac:dyDescent="0.25">
      <c r="A3021" s="1">
        <v>41894</v>
      </c>
      <c r="B3021" s="2">
        <v>0.89789351851851851</v>
      </c>
      <c r="C3021">
        <v>199.73339999999999</v>
      </c>
      <c r="D3021">
        <v>399.46679999999998</v>
      </c>
    </row>
    <row r="3022" spans="1:4" x14ac:dyDescent="0.25">
      <c r="A3022" s="1">
        <v>41894</v>
      </c>
      <c r="B3022" s="2">
        <v>0.90025462962962965</v>
      </c>
      <c r="C3022">
        <v>199.79999999999998</v>
      </c>
      <c r="D3022">
        <v>399.59999999999997</v>
      </c>
    </row>
    <row r="3023" spans="1:4" x14ac:dyDescent="0.25">
      <c r="A3023" s="1">
        <v>41894</v>
      </c>
      <c r="B3023" s="2">
        <v>0.90256944444444442</v>
      </c>
      <c r="C3023">
        <v>199.86659999999998</v>
      </c>
      <c r="D3023">
        <v>399.73319999999995</v>
      </c>
    </row>
    <row r="3024" spans="1:4" x14ac:dyDescent="0.25">
      <c r="A3024" s="1">
        <v>41894</v>
      </c>
      <c r="B3024" s="2">
        <v>0.90459490740740733</v>
      </c>
      <c r="C3024">
        <v>199.93319999999997</v>
      </c>
      <c r="D3024">
        <v>399.86639999999994</v>
      </c>
    </row>
    <row r="3025" spans="1:4" x14ac:dyDescent="0.25">
      <c r="A3025" s="1">
        <v>41894</v>
      </c>
      <c r="B3025" s="2">
        <v>0.90662037037037047</v>
      </c>
      <c r="C3025">
        <v>199.99979999999999</v>
      </c>
      <c r="D3025">
        <v>399.99959999999999</v>
      </c>
    </row>
    <row r="3026" spans="1:4" x14ac:dyDescent="0.25">
      <c r="A3026" s="1">
        <v>41894</v>
      </c>
      <c r="B3026" s="2">
        <v>0.90840277777777778</v>
      </c>
      <c r="C3026">
        <v>200.06639999999999</v>
      </c>
      <c r="D3026">
        <v>400.13279999999997</v>
      </c>
    </row>
    <row r="3027" spans="1:4" x14ac:dyDescent="0.25">
      <c r="A3027" s="1">
        <v>41894</v>
      </c>
      <c r="B3027" s="2">
        <v>0.91015046296296298</v>
      </c>
      <c r="C3027">
        <v>200.13299999999998</v>
      </c>
      <c r="D3027">
        <v>400.26599999999996</v>
      </c>
    </row>
    <row r="3028" spans="1:4" x14ac:dyDescent="0.25">
      <c r="A3028" s="1">
        <v>41894</v>
      </c>
      <c r="B3028" s="2">
        <v>0.91171296296296289</v>
      </c>
      <c r="C3028">
        <v>200.19959999999998</v>
      </c>
      <c r="D3028">
        <v>400.39919999999995</v>
      </c>
    </row>
    <row r="3029" spans="1:4" x14ac:dyDescent="0.25">
      <c r="A3029" s="1">
        <v>41894</v>
      </c>
      <c r="B3029" s="2">
        <v>0.91327546296296302</v>
      </c>
      <c r="C3029">
        <v>200.26619999999997</v>
      </c>
      <c r="D3029">
        <v>400.53239999999994</v>
      </c>
    </row>
    <row r="3030" spans="1:4" x14ac:dyDescent="0.25">
      <c r="A3030" s="1">
        <v>41894</v>
      </c>
      <c r="B3030" s="2">
        <v>0.91469907407407414</v>
      </c>
      <c r="C3030">
        <v>200.33279999999999</v>
      </c>
      <c r="D3030">
        <v>400.66559999999998</v>
      </c>
    </row>
    <row r="3031" spans="1:4" x14ac:dyDescent="0.25">
      <c r="A3031" s="1">
        <v>41894</v>
      </c>
      <c r="B3031" s="2">
        <v>0.91613425925925929</v>
      </c>
      <c r="C3031">
        <v>200.39939999999999</v>
      </c>
      <c r="D3031">
        <v>400.79879999999997</v>
      </c>
    </row>
    <row r="3032" spans="1:4" x14ac:dyDescent="0.25">
      <c r="A3032" s="1">
        <v>41894</v>
      </c>
      <c r="B3032" s="2">
        <v>0.91745370370370372</v>
      </c>
      <c r="C3032">
        <v>200.46599999999998</v>
      </c>
      <c r="D3032">
        <v>400.93199999999996</v>
      </c>
    </row>
    <row r="3033" spans="1:4" x14ac:dyDescent="0.25">
      <c r="A3033" s="1">
        <v>41894</v>
      </c>
      <c r="B3033" s="2">
        <v>0.91880787037037026</v>
      </c>
      <c r="C3033">
        <v>200.53259999999997</v>
      </c>
      <c r="D3033">
        <v>401.06519999999995</v>
      </c>
    </row>
    <row r="3034" spans="1:4" x14ac:dyDescent="0.25">
      <c r="A3034" s="1">
        <v>41894</v>
      </c>
      <c r="B3034" s="2">
        <v>0.9200694444444445</v>
      </c>
      <c r="C3034">
        <v>200.5992</v>
      </c>
      <c r="D3034">
        <v>401.19839999999999</v>
      </c>
    </row>
    <row r="3035" spans="1:4" x14ac:dyDescent="0.25">
      <c r="A3035" s="1">
        <v>41894</v>
      </c>
      <c r="B3035" s="2">
        <v>0.921412037037037</v>
      </c>
      <c r="C3035">
        <v>200.66579999999999</v>
      </c>
      <c r="D3035">
        <v>401.33159999999998</v>
      </c>
    </row>
    <row r="3036" spans="1:4" x14ac:dyDescent="0.25">
      <c r="A3036" s="1">
        <v>41894</v>
      </c>
      <c r="B3036" s="2">
        <v>0.92268518518518527</v>
      </c>
      <c r="C3036">
        <v>200.73239999999998</v>
      </c>
      <c r="D3036">
        <v>401.46479999999997</v>
      </c>
    </row>
    <row r="3037" spans="1:4" x14ac:dyDescent="0.25">
      <c r="A3037" s="1">
        <v>41894</v>
      </c>
      <c r="B3037" s="2">
        <v>0.9240624999999999</v>
      </c>
      <c r="C3037">
        <v>200.79899999999998</v>
      </c>
      <c r="D3037">
        <v>401.59799999999996</v>
      </c>
    </row>
    <row r="3038" spans="1:4" x14ac:dyDescent="0.25">
      <c r="A3038" s="1">
        <v>41894</v>
      </c>
      <c r="B3038" s="2">
        <v>0.92535879629629625</v>
      </c>
      <c r="C3038">
        <v>200.86559999999997</v>
      </c>
      <c r="D3038">
        <v>401.73119999999994</v>
      </c>
    </row>
    <row r="3039" spans="1:4" x14ac:dyDescent="0.25">
      <c r="A3039" s="1">
        <v>41894</v>
      </c>
      <c r="B3039" s="2">
        <v>0.92675925925925917</v>
      </c>
      <c r="C3039">
        <v>200.93219999999999</v>
      </c>
      <c r="D3039">
        <v>401.86439999999999</v>
      </c>
    </row>
    <row r="3040" spans="1:4" x14ac:dyDescent="0.25">
      <c r="A3040" s="1">
        <v>41894</v>
      </c>
      <c r="B3040" s="2">
        <v>0.92809027777777775</v>
      </c>
      <c r="C3040">
        <v>200.99879999999999</v>
      </c>
      <c r="D3040">
        <v>401.99759999999998</v>
      </c>
    </row>
    <row r="3041" spans="1:4" x14ac:dyDescent="0.25">
      <c r="A3041" s="1">
        <v>41894</v>
      </c>
      <c r="B3041" s="2">
        <v>0.92956018518518524</v>
      </c>
      <c r="C3041">
        <v>201.06539999999998</v>
      </c>
      <c r="D3041">
        <v>402.13079999999997</v>
      </c>
    </row>
    <row r="3042" spans="1:4" x14ac:dyDescent="0.25">
      <c r="A3042" s="1">
        <v>41894</v>
      </c>
      <c r="B3042" s="2">
        <v>0.93094907407407401</v>
      </c>
      <c r="C3042">
        <v>201.13199999999998</v>
      </c>
      <c r="D3042">
        <v>402.26399999999995</v>
      </c>
    </row>
    <row r="3043" spans="1:4" x14ac:dyDescent="0.25">
      <c r="A3043" s="1">
        <v>41894</v>
      </c>
      <c r="B3043" s="2">
        <v>0.93245370370370362</v>
      </c>
      <c r="C3043">
        <v>201.19859999999997</v>
      </c>
      <c r="D3043">
        <v>402.39719999999994</v>
      </c>
    </row>
    <row r="3044" spans="1:4" x14ac:dyDescent="0.25">
      <c r="A3044" s="1">
        <v>41894</v>
      </c>
      <c r="B3044" s="2">
        <v>0.93390046296296303</v>
      </c>
      <c r="C3044">
        <v>201.26519999999999</v>
      </c>
      <c r="D3044">
        <v>402.53039999999999</v>
      </c>
    </row>
    <row r="3045" spans="1:4" x14ac:dyDescent="0.25">
      <c r="A3045" s="1">
        <v>41894</v>
      </c>
      <c r="B3045" s="2">
        <v>0.93546296296296294</v>
      </c>
      <c r="C3045">
        <v>201.33179999999999</v>
      </c>
      <c r="D3045">
        <v>402.66359999999997</v>
      </c>
    </row>
    <row r="3046" spans="1:4" x14ac:dyDescent="0.25">
      <c r="A3046" s="1">
        <v>41894</v>
      </c>
      <c r="B3046" s="2">
        <v>0.93696759259259255</v>
      </c>
      <c r="C3046">
        <v>201.39839999999998</v>
      </c>
      <c r="D3046">
        <v>402.79679999999996</v>
      </c>
    </row>
    <row r="3047" spans="1:4" x14ac:dyDescent="0.25">
      <c r="A3047" s="1">
        <v>41894</v>
      </c>
      <c r="B3047" s="2">
        <v>0.93859953703703702</v>
      </c>
      <c r="C3047">
        <v>201.46499999999997</v>
      </c>
      <c r="D3047">
        <v>402.92999999999995</v>
      </c>
    </row>
    <row r="3048" spans="1:4" x14ac:dyDescent="0.25">
      <c r="A3048" s="1">
        <v>41894</v>
      </c>
      <c r="B3048" s="2">
        <v>0.94017361111111108</v>
      </c>
      <c r="C3048">
        <v>201.53159999999997</v>
      </c>
      <c r="D3048">
        <v>403.06319999999994</v>
      </c>
    </row>
    <row r="3049" spans="1:4" x14ac:dyDescent="0.25">
      <c r="A3049" s="1">
        <v>41894</v>
      </c>
      <c r="B3049" s="2">
        <v>0.94188657407407417</v>
      </c>
      <c r="C3049">
        <v>201.59819999999999</v>
      </c>
      <c r="D3049">
        <v>403.19639999999998</v>
      </c>
    </row>
    <row r="3050" spans="1:4" x14ac:dyDescent="0.25">
      <c r="A3050" s="1">
        <v>41894</v>
      </c>
      <c r="B3050" s="2">
        <v>0.94354166666666661</v>
      </c>
      <c r="C3050">
        <v>201.66479999999999</v>
      </c>
      <c r="D3050">
        <v>403.32959999999997</v>
      </c>
    </row>
    <row r="3051" spans="1:4" x14ac:dyDescent="0.25">
      <c r="A3051" s="1">
        <v>41894</v>
      </c>
      <c r="B3051" s="2">
        <v>0.9453125</v>
      </c>
      <c r="C3051">
        <v>201.73140000000001</v>
      </c>
      <c r="D3051">
        <v>403.46280000000002</v>
      </c>
    </row>
    <row r="3052" spans="1:4" x14ac:dyDescent="0.25">
      <c r="A3052" s="1">
        <v>41894</v>
      </c>
      <c r="B3052" s="2">
        <v>0.94706018518518509</v>
      </c>
      <c r="C3052">
        <v>201.79799999999997</v>
      </c>
      <c r="D3052">
        <v>403.59599999999995</v>
      </c>
    </row>
    <row r="3053" spans="1:4" x14ac:dyDescent="0.25">
      <c r="A3053" s="1">
        <v>41894</v>
      </c>
      <c r="B3053" s="2">
        <v>0.94895833333333324</v>
      </c>
      <c r="C3053">
        <v>201.86459999999997</v>
      </c>
      <c r="D3053">
        <v>403.72919999999993</v>
      </c>
    </row>
    <row r="3054" spans="1:4" x14ac:dyDescent="0.25">
      <c r="A3054" s="1">
        <v>41894</v>
      </c>
      <c r="B3054" s="2">
        <v>0.95077546296296289</v>
      </c>
      <c r="C3054">
        <v>201.93119999999999</v>
      </c>
      <c r="D3054">
        <v>403.86239999999998</v>
      </c>
    </row>
    <row r="3055" spans="1:4" x14ac:dyDescent="0.25">
      <c r="A3055" s="1">
        <v>41894</v>
      </c>
      <c r="B3055" s="2">
        <v>0.95273148148148146</v>
      </c>
      <c r="C3055">
        <v>201.99779999999998</v>
      </c>
      <c r="D3055">
        <v>403.99559999999997</v>
      </c>
    </row>
    <row r="3056" spans="1:4" x14ac:dyDescent="0.25">
      <c r="A3056" s="1">
        <v>41894</v>
      </c>
      <c r="B3056" s="2">
        <v>0.95462962962962961</v>
      </c>
      <c r="C3056">
        <v>202.06440000000001</v>
      </c>
      <c r="D3056">
        <v>404.12880000000001</v>
      </c>
    </row>
    <row r="3057" spans="1:4" x14ac:dyDescent="0.25">
      <c r="A3057" s="1">
        <v>41894</v>
      </c>
      <c r="B3057" s="2">
        <v>0.95666666666666667</v>
      </c>
      <c r="C3057">
        <v>202.13099999999997</v>
      </c>
      <c r="D3057">
        <v>404.26199999999994</v>
      </c>
    </row>
    <row r="3058" spans="1:4" x14ac:dyDescent="0.25">
      <c r="A3058" s="1">
        <v>41894</v>
      </c>
      <c r="B3058" s="2">
        <v>0.95864583333333331</v>
      </c>
      <c r="C3058">
        <v>202.19759999999997</v>
      </c>
      <c r="D3058">
        <v>404.39519999999993</v>
      </c>
    </row>
    <row r="3059" spans="1:4" x14ac:dyDescent="0.25">
      <c r="A3059" s="1">
        <v>41894</v>
      </c>
      <c r="B3059" s="2">
        <v>0.96079861111111109</v>
      </c>
      <c r="C3059">
        <v>202.26419999999999</v>
      </c>
      <c r="D3059">
        <v>404.52839999999998</v>
      </c>
    </row>
    <row r="3060" spans="1:4" x14ac:dyDescent="0.25">
      <c r="A3060" s="1">
        <v>41894</v>
      </c>
      <c r="B3060" s="2">
        <v>0.96287037037037038</v>
      </c>
      <c r="C3060">
        <v>202.33079999999998</v>
      </c>
      <c r="D3060">
        <v>404.66159999999996</v>
      </c>
    </row>
    <row r="3061" spans="1:4" x14ac:dyDescent="0.25">
      <c r="A3061" s="1">
        <v>41894</v>
      </c>
      <c r="B3061" s="2">
        <v>0.96505787037037039</v>
      </c>
      <c r="C3061">
        <v>202.3974</v>
      </c>
      <c r="D3061">
        <v>404.79480000000001</v>
      </c>
    </row>
    <row r="3062" spans="1:4" x14ac:dyDescent="0.25">
      <c r="A3062" s="1">
        <v>41894</v>
      </c>
      <c r="B3062" s="2">
        <v>0.96719907407407402</v>
      </c>
      <c r="C3062">
        <v>202.46399999999997</v>
      </c>
      <c r="D3062">
        <v>404.92799999999994</v>
      </c>
    </row>
    <row r="3063" spans="1:4" x14ac:dyDescent="0.25">
      <c r="A3063" s="1">
        <v>41894</v>
      </c>
      <c r="B3063" s="2">
        <v>0.96946759259259263</v>
      </c>
      <c r="C3063">
        <v>202.53059999999996</v>
      </c>
      <c r="D3063">
        <v>405.06119999999993</v>
      </c>
    </row>
    <row r="3064" spans="1:4" x14ac:dyDescent="0.25">
      <c r="A3064" s="1">
        <v>41894</v>
      </c>
      <c r="B3064" s="2">
        <v>0.97162037037037041</v>
      </c>
      <c r="C3064">
        <v>202.59719999999999</v>
      </c>
      <c r="D3064">
        <v>405.19439999999997</v>
      </c>
    </row>
    <row r="3065" spans="1:4" x14ac:dyDescent="0.25">
      <c r="A3065" s="1">
        <v>41894</v>
      </c>
      <c r="B3065" s="2">
        <v>0.97376157407407404</v>
      </c>
      <c r="C3065">
        <v>202.66379999999998</v>
      </c>
      <c r="D3065">
        <v>405.32759999999996</v>
      </c>
    </row>
    <row r="3066" spans="1:4" x14ac:dyDescent="0.25">
      <c r="A3066" s="1">
        <v>41894</v>
      </c>
      <c r="B3066" s="2">
        <v>0.97577546296296302</v>
      </c>
      <c r="C3066">
        <v>202.7304</v>
      </c>
      <c r="D3066">
        <v>405.46080000000001</v>
      </c>
    </row>
    <row r="3067" spans="1:4" x14ac:dyDescent="0.25">
      <c r="A3067" s="1">
        <v>41894</v>
      </c>
      <c r="B3067" s="2">
        <v>0.97791666666666666</v>
      </c>
      <c r="C3067">
        <v>202.79699999999997</v>
      </c>
      <c r="D3067">
        <v>405.59399999999994</v>
      </c>
    </row>
    <row r="3068" spans="1:4" x14ac:dyDescent="0.25">
      <c r="A3068" s="1">
        <v>41894</v>
      </c>
      <c r="B3068" s="2">
        <v>0.97994212962962957</v>
      </c>
      <c r="C3068">
        <v>202.86359999999996</v>
      </c>
      <c r="D3068">
        <v>405.72719999999993</v>
      </c>
    </row>
    <row r="3069" spans="1:4" x14ac:dyDescent="0.25">
      <c r="A3069" s="1">
        <v>41894</v>
      </c>
      <c r="B3069" s="2">
        <v>0.98210648148148139</v>
      </c>
      <c r="C3069">
        <v>202.93019999999999</v>
      </c>
      <c r="D3069">
        <v>405.86039999999997</v>
      </c>
    </row>
    <row r="3070" spans="1:4" x14ac:dyDescent="0.25">
      <c r="A3070" s="1">
        <v>41894</v>
      </c>
      <c r="B3070" s="2">
        <v>0.98412037037037037</v>
      </c>
      <c r="C3070">
        <v>202.99679999999998</v>
      </c>
      <c r="D3070">
        <v>405.99359999999996</v>
      </c>
    </row>
    <row r="3071" spans="1:4" x14ac:dyDescent="0.25">
      <c r="A3071" s="1">
        <v>41894</v>
      </c>
      <c r="B3071" s="2">
        <v>0.9861805555555555</v>
      </c>
      <c r="C3071">
        <v>203.0634</v>
      </c>
      <c r="D3071">
        <v>406.1268</v>
      </c>
    </row>
    <row r="3072" spans="1:4" x14ac:dyDescent="0.25">
      <c r="A3072" s="1">
        <v>41894</v>
      </c>
      <c r="B3072" s="2">
        <v>0.98810185185185195</v>
      </c>
      <c r="C3072">
        <v>203.12999999999997</v>
      </c>
      <c r="D3072">
        <v>406.25999999999993</v>
      </c>
    </row>
    <row r="3073" spans="1:4" x14ac:dyDescent="0.25">
      <c r="A3073" s="1">
        <v>41894</v>
      </c>
      <c r="B3073" s="2">
        <v>0.99010416666666667</v>
      </c>
      <c r="C3073">
        <v>203.19659999999999</v>
      </c>
      <c r="D3073">
        <v>406.39319999999998</v>
      </c>
    </row>
    <row r="3074" spans="1:4" x14ac:dyDescent="0.25">
      <c r="A3074" s="1">
        <v>41894</v>
      </c>
      <c r="B3074" s="2">
        <v>0.9919675925925926</v>
      </c>
      <c r="C3074">
        <v>203.26319999999998</v>
      </c>
      <c r="D3074">
        <v>406.52639999999997</v>
      </c>
    </row>
    <row r="3075" spans="1:4" x14ac:dyDescent="0.25">
      <c r="A3075" s="1">
        <v>41894</v>
      </c>
      <c r="B3075" s="2">
        <v>0.99387731481481489</v>
      </c>
      <c r="C3075">
        <v>203.32979999999998</v>
      </c>
      <c r="D3075">
        <v>406.65959999999995</v>
      </c>
    </row>
    <row r="3076" spans="1:4" x14ac:dyDescent="0.25">
      <c r="A3076" s="1">
        <v>41894</v>
      </c>
      <c r="B3076" s="2">
        <v>0.99569444444444455</v>
      </c>
      <c r="C3076">
        <v>203.3964</v>
      </c>
      <c r="D3076">
        <v>406.7928</v>
      </c>
    </row>
    <row r="3077" spans="1:4" x14ac:dyDescent="0.25">
      <c r="A3077" s="1">
        <v>41894</v>
      </c>
      <c r="B3077" s="2">
        <v>0.99760416666666663</v>
      </c>
      <c r="C3077">
        <v>203.46299999999997</v>
      </c>
      <c r="D3077">
        <v>406.92599999999993</v>
      </c>
    </row>
    <row r="3078" spans="1:4" x14ac:dyDescent="0.25">
      <c r="A3078" s="1">
        <v>41894</v>
      </c>
      <c r="B3078" s="2">
        <v>0.99940972222222213</v>
      </c>
      <c r="C3078">
        <v>203.52959999999999</v>
      </c>
      <c r="D3078">
        <v>407.05919999999998</v>
      </c>
    </row>
    <row r="3079" spans="1:4" x14ac:dyDescent="0.25">
      <c r="A3079" s="1">
        <v>41895</v>
      </c>
      <c r="B3079" s="2">
        <v>1.3078703703703705E-3</v>
      </c>
      <c r="C3079">
        <v>203.59619999999998</v>
      </c>
      <c r="D3079">
        <v>407.19239999999996</v>
      </c>
    </row>
    <row r="3080" spans="1:4" x14ac:dyDescent="0.25">
      <c r="A3080" s="1">
        <v>41895</v>
      </c>
      <c r="B3080" s="2">
        <v>3.1018518518518522E-3</v>
      </c>
      <c r="C3080">
        <v>203.66279999999998</v>
      </c>
      <c r="D3080">
        <v>407.32559999999995</v>
      </c>
    </row>
    <row r="3081" spans="1:4" x14ac:dyDescent="0.25">
      <c r="A3081" s="1">
        <v>41895</v>
      </c>
      <c r="B3081" s="2">
        <v>5.0000000000000001E-3</v>
      </c>
      <c r="C3081">
        <v>203.7294</v>
      </c>
      <c r="D3081">
        <v>407.4588</v>
      </c>
    </row>
    <row r="3082" spans="1:4" x14ac:dyDescent="0.25">
      <c r="A3082" s="1">
        <v>41895</v>
      </c>
      <c r="B3082" s="2">
        <v>6.7361111111111103E-3</v>
      </c>
      <c r="C3082">
        <v>203.79599999999996</v>
      </c>
      <c r="D3082">
        <v>407.59199999999993</v>
      </c>
    </row>
    <row r="3083" spans="1:4" x14ac:dyDescent="0.25">
      <c r="A3083" s="1">
        <v>41895</v>
      </c>
      <c r="B3083" s="2">
        <v>8.3912037037037045E-3</v>
      </c>
      <c r="C3083">
        <v>203.86259999999999</v>
      </c>
      <c r="D3083">
        <v>407.72519999999997</v>
      </c>
    </row>
    <row r="3084" spans="1:4" x14ac:dyDescent="0.25">
      <c r="A3084" s="1">
        <v>41895</v>
      </c>
      <c r="B3084" s="2">
        <v>9.8032407407407408E-3</v>
      </c>
      <c r="C3084">
        <v>203.92919999999998</v>
      </c>
      <c r="D3084">
        <v>407.85839999999996</v>
      </c>
    </row>
    <row r="3085" spans="1:4" x14ac:dyDescent="0.25">
      <c r="A3085" s="1">
        <v>41895</v>
      </c>
      <c r="B3085" s="2">
        <v>1.113425925925926E-2</v>
      </c>
      <c r="C3085">
        <v>203.99579999999997</v>
      </c>
      <c r="D3085">
        <v>407.99159999999995</v>
      </c>
    </row>
    <row r="3086" spans="1:4" x14ac:dyDescent="0.25">
      <c r="A3086" s="1">
        <v>41895</v>
      </c>
      <c r="B3086" s="2">
        <v>1.2268518518518519E-2</v>
      </c>
      <c r="C3086">
        <v>204.0624</v>
      </c>
      <c r="D3086">
        <v>408.12479999999999</v>
      </c>
    </row>
    <row r="3087" spans="1:4" x14ac:dyDescent="0.25">
      <c r="A3087" s="1">
        <v>41895</v>
      </c>
      <c r="B3087" s="2">
        <v>1.3391203703703704E-2</v>
      </c>
      <c r="C3087">
        <v>204.12899999999996</v>
      </c>
      <c r="D3087">
        <v>408.25799999999992</v>
      </c>
    </row>
    <row r="3088" spans="1:4" x14ac:dyDescent="0.25">
      <c r="A3088" s="1">
        <v>41895</v>
      </c>
      <c r="B3088" s="2">
        <v>1.4386574074074072E-2</v>
      </c>
      <c r="C3088">
        <v>204.19559999999998</v>
      </c>
      <c r="D3088">
        <v>408.39119999999997</v>
      </c>
    </row>
    <row r="3089" spans="1:4" x14ac:dyDescent="0.25">
      <c r="A3089" s="1">
        <v>41895</v>
      </c>
      <c r="B3089" s="2">
        <v>1.539351851851852E-2</v>
      </c>
      <c r="C3089">
        <v>204.26219999999998</v>
      </c>
      <c r="D3089">
        <v>408.52439999999996</v>
      </c>
    </row>
    <row r="3090" spans="1:4" x14ac:dyDescent="0.25">
      <c r="A3090" s="1">
        <v>41895</v>
      </c>
      <c r="B3090" s="2">
        <v>1.6307870370370372E-2</v>
      </c>
      <c r="C3090">
        <v>204.3288</v>
      </c>
      <c r="D3090">
        <v>408.6576</v>
      </c>
    </row>
    <row r="3091" spans="1:4" x14ac:dyDescent="0.25">
      <c r="A3091" s="1">
        <v>41895</v>
      </c>
      <c r="B3091" s="2">
        <v>1.7199074074074071E-2</v>
      </c>
      <c r="C3091">
        <v>204.3954</v>
      </c>
      <c r="D3091">
        <v>408.79079999999999</v>
      </c>
    </row>
    <row r="3092" spans="1:4" x14ac:dyDescent="0.25">
      <c r="A3092" s="1">
        <v>41895</v>
      </c>
      <c r="B3092" s="2">
        <v>1.7997685185185186E-2</v>
      </c>
      <c r="C3092">
        <v>204.46199999999996</v>
      </c>
      <c r="D3092">
        <v>408.92399999999992</v>
      </c>
    </row>
    <row r="3093" spans="1:4" x14ac:dyDescent="0.25">
      <c r="A3093" s="1">
        <v>41895</v>
      </c>
      <c r="B3093" s="2">
        <v>1.877314814814815E-2</v>
      </c>
      <c r="C3093">
        <v>204.52859999999998</v>
      </c>
      <c r="D3093">
        <v>409.05719999999997</v>
      </c>
    </row>
    <row r="3094" spans="1:4" x14ac:dyDescent="0.25">
      <c r="A3094" s="1">
        <v>41895</v>
      </c>
      <c r="B3094" s="2">
        <v>1.9479166666666669E-2</v>
      </c>
      <c r="C3094">
        <v>204.59519999999998</v>
      </c>
      <c r="D3094">
        <v>409.19039999999995</v>
      </c>
    </row>
    <row r="3095" spans="1:4" x14ac:dyDescent="0.25">
      <c r="A3095" s="1">
        <v>41895</v>
      </c>
      <c r="B3095" s="2">
        <v>2.0173611111111111E-2</v>
      </c>
      <c r="C3095">
        <v>204.6618</v>
      </c>
      <c r="D3095">
        <v>409.3236</v>
      </c>
    </row>
    <row r="3096" spans="1:4" x14ac:dyDescent="0.25">
      <c r="A3096" s="1">
        <v>41895</v>
      </c>
      <c r="B3096" s="2">
        <v>2.0810185185185185E-2</v>
      </c>
      <c r="C3096">
        <v>204.72839999999999</v>
      </c>
      <c r="D3096">
        <v>409.45679999999999</v>
      </c>
    </row>
    <row r="3097" spans="1:4" x14ac:dyDescent="0.25">
      <c r="A3097" s="1">
        <v>41895</v>
      </c>
      <c r="B3097" s="2">
        <v>2.1458333333333333E-2</v>
      </c>
      <c r="C3097">
        <v>204.79499999999996</v>
      </c>
      <c r="D3097">
        <v>409.58999999999992</v>
      </c>
    </row>
    <row r="3098" spans="1:4" x14ac:dyDescent="0.25">
      <c r="A3098" s="1">
        <v>41895</v>
      </c>
      <c r="B3098" s="2">
        <v>2.2060185185185183E-2</v>
      </c>
      <c r="C3098">
        <v>204.86159999999998</v>
      </c>
      <c r="D3098">
        <v>409.72319999999996</v>
      </c>
    </row>
    <row r="3099" spans="1:4" x14ac:dyDescent="0.25">
      <c r="A3099" s="1">
        <v>41895</v>
      </c>
      <c r="B3099" s="2">
        <v>2.2685185185185183E-2</v>
      </c>
      <c r="C3099">
        <v>204.92819999999998</v>
      </c>
      <c r="D3099">
        <v>409.85639999999995</v>
      </c>
    </row>
    <row r="3100" spans="1:4" x14ac:dyDescent="0.25">
      <c r="A3100" s="1">
        <v>41895</v>
      </c>
      <c r="B3100" s="2">
        <v>2.327546296296296E-2</v>
      </c>
      <c r="C3100">
        <v>204.9948</v>
      </c>
      <c r="D3100">
        <v>409.9896</v>
      </c>
    </row>
    <row r="3101" spans="1:4" x14ac:dyDescent="0.25">
      <c r="A3101" s="1">
        <v>41895</v>
      </c>
      <c r="B3101" s="2">
        <v>2.390046296296296E-2</v>
      </c>
      <c r="C3101">
        <v>205.06139999999999</v>
      </c>
      <c r="D3101">
        <v>410.12279999999998</v>
      </c>
    </row>
    <row r="3102" spans="1:4" x14ac:dyDescent="0.25">
      <c r="A3102" s="1">
        <v>41895</v>
      </c>
      <c r="B3102" s="2">
        <v>2.4479166666666666E-2</v>
      </c>
      <c r="C3102">
        <v>205.12799999999996</v>
      </c>
      <c r="D3102">
        <v>410.25599999999991</v>
      </c>
    </row>
    <row r="3103" spans="1:4" x14ac:dyDescent="0.25">
      <c r="A3103" s="1">
        <v>41895</v>
      </c>
      <c r="B3103" s="2">
        <v>2.5115740740740741E-2</v>
      </c>
      <c r="C3103">
        <v>205.19459999999998</v>
      </c>
      <c r="D3103">
        <v>410.38919999999996</v>
      </c>
    </row>
    <row r="3104" spans="1:4" x14ac:dyDescent="0.25">
      <c r="A3104" s="1">
        <v>41895</v>
      </c>
      <c r="B3104" s="2">
        <v>2.5706018518518517E-2</v>
      </c>
      <c r="C3104">
        <v>205.26119999999997</v>
      </c>
      <c r="D3104">
        <v>410.52239999999995</v>
      </c>
    </row>
    <row r="3105" spans="1:4" x14ac:dyDescent="0.25">
      <c r="A3105" s="1">
        <v>41895</v>
      </c>
      <c r="B3105" s="2">
        <v>2.6354166666666668E-2</v>
      </c>
      <c r="C3105">
        <v>205.3278</v>
      </c>
      <c r="D3105">
        <v>410.65559999999999</v>
      </c>
    </row>
    <row r="3106" spans="1:4" x14ac:dyDescent="0.25">
      <c r="A3106" s="1">
        <v>41895</v>
      </c>
      <c r="B3106" s="2">
        <v>2.6956018518518522E-2</v>
      </c>
      <c r="C3106">
        <v>205.39439999999999</v>
      </c>
      <c r="D3106">
        <v>410.78879999999998</v>
      </c>
    </row>
    <row r="3107" spans="1:4" x14ac:dyDescent="0.25">
      <c r="A3107" s="1">
        <v>41895</v>
      </c>
      <c r="B3107" s="2">
        <v>2.7592592592592596E-2</v>
      </c>
      <c r="C3107">
        <v>205.46099999999998</v>
      </c>
      <c r="D3107">
        <v>410.92199999999997</v>
      </c>
    </row>
    <row r="3108" spans="1:4" x14ac:dyDescent="0.25">
      <c r="A3108" s="1">
        <v>41895</v>
      </c>
      <c r="B3108" s="2">
        <v>2.8194444444444442E-2</v>
      </c>
      <c r="C3108">
        <v>205.52759999999998</v>
      </c>
      <c r="D3108">
        <v>411.05519999999996</v>
      </c>
    </row>
    <row r="3109" spans="1:4" x14ac:dyDescent="0.25">
      <c r="A3109" s="1">
        <v>41895</v>
      </c>
      <c r="B3109" s="2">
        <v>2.883101851851852E-2</v>
      </c>
      <c r="C3109">
        <v>205.59419999999997</v>
      </c>
      <c r="D3109">
        <v>411.18839999999994</v>
      </c>
    </row>
    <row r="3110" spans="1:4" x14ac:dyDescent="0.25">
      <c r="A3110" s="1">
        <v>41895</v>
      </c>
      <c r="B3110" s="2">
        <v>2.9421296296296296E-2</v>
      </c>
      <c r="C3110">
        <v>205.66079999999999</v>
      </c>
      <c r="D3110">
        <v>411.32159999999999</v>
      </c>
    </row>
    <row r="3111" spans="1:4" x14ac:dyDescent="0.25">
      <c r="A3111" s="1">
        <v>41895</v>
      </c>
      <c r="B3111" s="2">
        <v>3.0034722222222223E-2</v>
      </c>
      <c r="C3111">
        <v>205.72739999999999</v>
      </c>
      <c r="D3111">
        <v>411.45479999999998</v>
      </c>
    </row>
    <row r="3112" spans="1:4" x14ac:dyDescent="0.25">
      <c r="A3112" s="1">
        <v>41895</v>
      </c>
      <c r="B3112" s="2">
        <v>3.0613425925925929E-2</v>
      </c>
      <c r="C3112">
        <v>205.79399999999998</v>
      </c>
      <c r="D3112">
        <v>411.58799999999997</v>
      </c>
    </row>
    <row r="3113" spans="1:4" x14ac:dyDescent="0.25">
      <c r="A3113" s="1">
        <v>41895</v>
      </c>
      <c r="B3113" s="2">
        <v>3.1226851851851853E-2</v>
      </c>
      <c r="C3113">
        <v>205.86059999999998</v>
      </c>
      <c r="D3113">
        <v>411.72119999999995</v>
      </c>
    </row>
    <row r="3114" spans="1:4" x14ac:dyDescent="0.25">
      <c r="A3114" s="1">
        <v>41895</v>
      </c>
      <c r="B3114" s="2">
        <v>3.1817129629629633E-2</v>
      </c>
      <c r="C3114">
        <v>205.92719999999997</v>
      </c>
      <c r="D3114">
        <v>411.85439999999994</v>
      </c>
    </row>
    <row r="3115" spans="1:4" x14ac:dyDescent="0.25">
      <c r="A3115" s="1">
        <v>41895</v>
      </c>
      <c r="B3115" s="2">
        <v>3.2442129629629633E-2</v>
      </c>
      <c r="C3115">
        <v>205.99379999999999</v>
      </c>
      <c r="D3115">
        <v>411.98759999999999</v>
      </c>
    </row>
    <row r="3116" spans="1:4" x14ac:dyDescent="0.25">
      <c r="A3116" s="1">
        <v>41895</v>
      </c>
      <c r="B3116" s="2">
        <v>3.3020833333333333E-2</v>
      </c>
      <c r="C3116">
        <v>206.06039999999999</v>
      </c>
      <c r="D3116">
        <v>412.12079999999997</v>
      </c>
    </row>
    <row r="3117" spans="1:4" x14ac:dyDescent="0.25">
      <c r="A3117" s="1">
        <v>41895</v>
      </c>
      <c r="B3117" s="2">
        <v>3.3622685185185179E-2</v>
      </c>
      <c r="C3117">
        <v>206.12699999999998</v>
      </c>
      <c r="D3117">
        <v>412.25399999999996</v>
      </c>
    </row>
    <row r="3118" spans="1:4" x14ac:dyDescent="0.25">
      <c r="A3118" s="1">
        <v>41895</v>
      </c>
      <c r="B3118" s="2">
        <v>3.4189814814814819E-2</v>
      </c>
      <c r="C3118">
        <v>206.19359999999998</v>
      </c>
      <c r="D3118">
        <v>412.38719999999995</v>
      </c>
    </row>
    <row r="3119" spans="1:4" x14ac:dyDescent="0.25">
      <c r="A3119" s="1">
        <v>41895</v>
      </c>
      <c r="B3119" s="2">
        <v>3.4768518518518525E-2</v>
      </c>
      <c r="C3119">
        <v>206.26019999999997</v>
      </c>
      <c r="D3119">
        <v>412.52039999999994</v>
      </c>
    </row>
    <row r="3120" spans="1:4" x14ac:dyDescent="0.25">
      <c r="A3120" s="1">
        <v>41895</v>
      </c>
      <c r="B3120" s="2">
        <v>3.532407407407407E-2</v>
      </c>
      <c r="C3120">
        <v>206.32679999999999</v>
      </c>
      <c r="D3120">
        <v>412.65359999999998</v>
      </c>
    </row>
    <row r="3121" spans="1:4" x14ac:dyDescent="0.25">
      <c r="A3121" s="1">
        <v>41895</v>
      </c>
      <c r="B3121" s="2">
        <v>3.5891203703703703E-2</v>
      </c>
      <c r="C3121">
        <v>206.39339999999999</v>
      </c>
      <c r="D3121">
        <v>412.78679999999997</v>
      </c>
    </row>
    <row r="3122" spans="1:4" x14ac:dyDescent="0.25">
      <c r="A3122" s="1">
        <v>41895</v>
      </c>
      <c r="B3122" s="2">
        <v>3.6423611111111115E-2</v>
      </c>
      <c r="C3122">
        <v>206.45999999999998</v>
      </c>
      <c r="D3122">
        <v>412.91999999999996</v>
      </c>
    </row>
    <row r="3123" spans="1:4" x14ac:dyDescent="0.25">
      <c r="A3123" s="1">
        <v>41895</v>
      </c>
      <c r="B3123" s="2">
        <v>3.6990740740740741E-2</v>
      </c>
      <c r="C3123">
        <v>206.52659999999997</v>
      </c>
      <c r="D3123">
        <v>413.05319999999995</v>
      </c>
    </row>
    <row r="3124" spans="1:4" x14ac:dyDescent="0.25">
      <c r="A3124" s="1">
        <v>41895</v>
      </c>
      <c r="B3124" s="2">
        <v>3.7523148148148146E-2</v>
      </c>
      <c r="C3124">
        <v>206.5932</v>
      </c>
      <c r="D3124">
        <v>413.18639999999999</v>
      </c>
    </row>
    <row r="3125" spans="1:4" x14ac:dyDescent="0.25">
      <c r="A3125" s="1">
        <v>41895</v>
      </c>
      <c r="B3125" s="2">
        <v>3.8090277777777778E-2</v>
      </c>
      <c r="C3125">
        <v>206.65979999999999</v>
      </c>
      <c r="D3125">
        <v>413.31959999999998</v>
      </c>
    </row>
    <row r="3126" spans="1:4" x14ac:dyDescent="0.25">
      <c r="A3126" s="1">
        <v>41895</v>
      </c>
      <c r="B3126" s="2">
        <v>3.8622685185185184E-2</v>
      </c>
      <c r="C3126">
        <v>206.72639999999998</v>
      </c>
      <c r="D3126">
        <v>413.45279999999997</v>
      </c>
    </row>
    <row r="3127" spans="1:4" x14ac:dyDescent="0.25">
      <c r="A3127" s="1">
        <v>41895</v>
      </c>
      <c r="B3127" s="2">
        <v>3.9189814814814809E-2</v>
      </c>
      <c r="C3127">
        <v>206.79299999999998</v>
      </c>
      <c r="D3127">
        <v>413.58599999999996</v>
      </c>
    </row>
    <row r="3128" spans="1:4" x14ac:dyDescent="0.25">
      <c r="A3128" s="1">
        <v>41895</v>
      </c>
      <c r="B3128" s="2">
        <v>3.9745370370370368E-2</v>
      </c>
      <c r="C3128">
        <v>206.85959999999997</v>
      </c>
      <c r="D3128">
        <v>413.71919999999994</v>
      </c>
    </row>
    <row r="3129" spans="1:4" x14ac:dyDescent="0.25">
      <c r="A3129" s="1">
        <v>41895</v>
      </c>
      <c r="B3129" s="2">
        <v>4.0324074074074075E-2</v>
      </c>
      <c r="C3129">
        <v>206.92619999999999</v>
      </c>
      <c r="D3129">
        <v>413.85239999999999</v>
      </c>
    </row>
    <row r="3130" spans="1:4" x14ac:dyDescent="0.25">
      <c r="A3130" s="1">
        <v>41895</v>
      </c>
      <c r="B3130" s="2">
        <v>4.0879629629629634E-2</v>
      </c>
      <c r="C3130">
        <v>206.99279999999999</v>
      </c>
      <c r="D3130">
        <v>413.98559999999998</v>
      </c>
    </row>
    <row r="3131" spans="1:4" x14ac:dyDescent="0.25">
      <c r="A3131" s="1">
        <v>41895</v>
      </c>
      <c r="B3131" s="2">
        <v>4.1469907407407407E-2</v>
      </c>
      <c r="C3131">
        <v>207.05939999999998</v>
      </c>
      <c r="D3131">
        <v>414.11879999999996</v>
      </c>
    </row>
    <row r="3132" spans="1:4" x14ac:dyDescent="0.25">
      <c r="A3132" s="1">
        <v>41895</v>
      </c>
      <c r="B3132" s="2">
        <v>4.2037037037037039E-2</v>
      </c>
      <c r="C3132">
        <v>207.12599999999998</v>
      </c>
      <c r="D3132">
        <v>414.25199999999995</v>
      </c>
    </row>
    <row r="3133" spans="1:4" x14ac:dyDescent="0.25">
      <c r="A3133" s="1">
        <v>41895</v>
      </c>
      <c r="B3133" s="2">
        <v>4.2638888888888893E-2</v>
      </c>
      <c r="C3133">
        <v>207.19259999999997</v>
      </c>
      <c r="D3133">
        <v>414.38519999999994</v>
      </c>
    </row>
    <row r="3134" spans="1:4" x14ac:dyDescent="0.25">
      <c r="A3134" s="1">
        <v>41895</v>
      </c>
      <c r="B3134" s="2">
        <v>4.3217592592592592E-2</v>
      </c>
      <c r="C3134">
        <v>207.25919999999999</v>
      </c>
      <c r="D3134">
        <v>414.51839999999999</v>
      </c>
    </row>
    <row r="3135" spans="1:4" x14ac:dyDescent="0.25">
      <c r="A3135" s="1">
        <v>41895</v>
      </c>
      <c r="B3135" s="2">
        <v>4.3842592592592593E-2</v>
      </c>
      <c r="C3135">
        <v>207.32579999999999</v>
      </c>
      <c r="D3135">
        <v>414.65159999999997</v>
      </c>
    </row>
    <row r="3136" spans="1:4" x14ac:dyDescent="0.25">
      <c r="A3136" s="1">
        <v>41895</v>
      </c>
      <c r="B3136" s="2">
        <v>4.4444444444444446E-2</v>
      </c>
      <c r="C3136">
        <v>207.39239999999998</v>
      </c>
      <c r="D3136">
        <v>414.78479999999996</v>
      </c>
    </row>
    <row r="3137" spans="1:4" x14ac:dyDescent="0.25">
      <c r="A3137" s="1">
        <v>41895</v>
      </c>
      <c r="B3137" s="2">
        <v>4.5081018518518513E-2</v>
      </c>
      <c r="C3137">
        <v>207.45899999999997</v>
      </c>
      <c r="D3137">
        <v>414.91799999999995</v>
      </c>
    </row>
    <row r="3138" spans="1:4" x14ac:dyDescent="0.25">
      <c r="A3138" s="1">
        <v>41895</v>
      </c>
      <c r="B3138" s="2">
        <v>4.5694444444444447E-2</v>
      </c>
      <c r="C3138">
        <v>207.52559999999997</v>
      </c>
      <c r="D3138">
        <v>415.05119999999994</v>
      </c>
    </row>
    <row r="3139" spans="1:4" x14ac:dyDescent="0.25">
      <c r="A3139" s="1">
        <v>41895</v>
      </c>
      <c r="B3139" s="2">
        <v>4.6342592592592595E-2</v>
      </c>
      <c r="C3139">
        <v>207.59219999999999</v>
      </c>
      <c r="D3139">
        <v>415.18439999999998</v>
      </c>
    </row>
    <row r="3140" spans="1:4" x14ac:dyDescent="0.25">
      <c r="A3140" s="1">
        <v>41895</v>
      </c>
      <c r="B3140" s="2">
        <v>4.6967592592592589E-2</v>
      </c>
      <c r="C3140">
        <v>207.65879999999999</v>
      </c>
      <c r="D3140">
        <v>415.31759999999997</v>
      </c>
    </row>
    <row r="3141" spans="1:4" x14ac:dyDescent="0.25">
      <c r="A3141" s="1">
        <v>41895</v>
      </c>
      <c r="B3141" s="2">
        <v>4.762731481481481E-2</v>
      </c>
      <c r="C3141">
        <v>207.72540000000001</v>
      </c>
      <c r="D3141">
        <v>415.45080000000002</v>
      </c>
    </row>
    <row r="3142" spans="1:4" x14ac:dyDescent="0.25">
      <c r="A3142" s="1">
        <v>41895</v>
      </c>
      <c r="B3142" s="2">
        <v>4.8263888888888884E-2</v>
      </c>
      <c r="C3142">
        <v>207.79199999999997</v>
      </c>
      <c r="D3142">
        <v>415.58399999999995</v>
      </c>
    </row>
    <row r="3143" spans="1:4" x14ac:dyDescent="0.25">
      <c r="A3143" s="1">
        <v>41895</v>
      </c>
      <c r="B3143" s="2">
        <v>4.8935185185185186E-2</v>
      </c>
      <c r="C3143">
        <v>207.85859999999997</v>
      </c>
      <c r="D3143">
        <v>415.71719999999993</v>
      </c>
    </row>
    <row r="3144" spans="1:4" x14ac:dyDescent="0.25">
      <c r="A3144" s="1">
        <v>41895</v>
      </c>
      <c r="B3144" s="2">
        <v>4.9583333333333333E-2</v>
      </c>
      <c r="C3144">
        <v>207.92519999999999</v>
      </c>
      <c r="D3144">
        <v>415.85039999999998</v>
      </c>
    </row>
    <row r="3145" spans="1:4" x14ac:dyDescent="0.25">
      <c r="A3145" s="1">
        <v>41895</v>
      </c>
      <c r="B3145" s="2">
        <v>5.0254629629629628E-2</v>
      </c>
      <c r="C3145">
        <v>207.99179999999998</v>
      </c>
      <c r="D3145">
        <v>415.98359999999997</v>
      </c>
    </row>
    <row r="3146" spans="1:4" x14ac:dyDescent="0.25">
      <c r="A3146" s="1">
        <v>41895</v>
      </c>
      <c r="B3146" s="2">
        <v>5.0902777777777776E-2</v>
      </c>
      <c r="C3146">
        <v>208.05840000000001</v>
      </c>
      <c r="D3146">
        <v>416.11680000000001</v>
      </c>
    </row>
    <row r="3147" spans="1:4" x14ac:dyDescent="0.25">
      <c r="A3147" s="1">
        <v>41895</v>
      </c>
      <c r="B3147" s="2">
        <v>5.1574074074074078E-2</v>
      </c>
      <c r="C3147">
        <v>208.12499999999997</v>
      </c>
      <c r="D3147">
        <v>416.24999999999994</v>
      </c>
    </row>
    <row r="3148" spans="1:4" x14ac:dyDescent="0.25">
      <c r="A3148" s="1">
        <v>41895</v>
      </c>
      <c r="B3148" s="2">
        <v>5.2233796296296299E-2</v>
      </c>
      <c r="C3148">
        <v>208.19159999999997</v>
      </c>
      <c r="D3148">
        <v>416.38319999999993</v>
      </c>
    </row>
    <row r="3149" spans="1:4" x14ac:dyDescent="0.25">
      <c r="A3149" s="1">
        <v>41895</v>
      </c>
      <c r="B3149" s="2">
        <v>5.2928240740740741E-2</v>
      </c>
      <c r="C3149">
        <v>208.25819999999999</v>
      </c>
      <c r="D3149">
        <v>416.51639999999998</v>
      </c>
    </row>
    <row r="3150" spans="1:4" x14ac:dyDescent="0.25">
      <c r="A3150" s="1">
        <v>41895</v>
      </c>
      <c r="B3150" s="2">
        <v>5.3587962962962969E-2</v>
      </c>
      <c r="C3150">
        <v>208.32479999999998</v>
      </c>
      <c r="D3150">
        <v>416.64959999999996</v>
      </c>
    </row>
    <row r="3151" spans="1:4" x14ac:dyDescent="0.25">
      <c r="A3151" s="1">
        <v>41895</v>
      </c>
      <c r="B3151" s="2">
        <v>5.4293981481481485E-2</v>
      </c>
      <c r="C3151">
        <v>208.3914</v>
      </c>
      <c r="D3151">
        <v>416.78280000000001</v>
      </c>
    </row>
    <row r="3152" spans="1:4" x14ac:dyDescent="0.25">
      <c r="A3152" s="1">
        <v>41895</v>
      </c>
      <c r="B3152" s="2">
        <v>5.4953703703703706E-2</v>
      </c>
      <c r="C3152">
        <v>208.45799999999997</v>
      </c>
      <c r="D3152">
        <v>416.91599999999994</v>
      </c>
    </row>
    <row r="3153" spans="1:4" x14ac:dyDescent="0.25">
      <c r="A3153" s="1">
        <v>41895</v>
      </c>
      <c r="B3153" s="2">
        <v>5.5648148148148148E-2</v>
      </c>
      <c r="C3153">
        <v>208.52459999999996</v>
      </c>
      <c r="D3153">
        <v>417.04919999999993</v>
      </c>
    </row>
    <row r="3154" spans="1:4" x14ac:dyDescent="0.25">
      <c r="A3154" s="1">
        <v>41895</v>
      </c>
      <c r="B3154" s="2">
        <v>5.6307870370370362E-2</v>
      </c>
      <c r="C3154">
        <v>208.59119999999999</v>
      </c>
      <c r="D3154">
        <v>417.18239999999997</v>
      </c>
    </row>
    <row r="3155" spans="1:4" x14ac:dyDescent="0.25">
      <c r="A3155" s="1">
        <v>41895</v>
      </c>
      <c r="B3155" s="2">
        <v>5.7002314814814818E-2</v>
      </c>
      <c r="C3155">
        <v>208.65779999999998</v>
      </c>
      <c r="D3155">
        <v>417.31559999999996</v>
      </c>
    </row>
    <row r="3156" spans="1:4" x14ac:dyDescent="0.25">
      <c r="A3156" s="1">
        <v>41895</v>
      </c>
      <c r="B3156" s="2">
        <v>5.7673611111111113E-2</v>
      </c>
      <c r="C3156">
        <v>208.7244</v>
      </c>
      <c r="D3156">
        <v>417.44880000000001</v>
      </c>
    </row>
    <row r="3157" spans="1:4" x14ac:dyDescent="0.25">
      <c r="A3157" s="1">
        <v>41895</v>
      </c>
      <c r="B3157" s="2">
        <v>5.8379629629629635E-2</v>
      </c>
      <c r="C3157">
        <v>208.79099999999997</v>
      </c>
      <c r="D3157">
        <v>417.58199999999994</v>
      </c>
    </row>
    <row r="3158" spans="1:4" x14ac:dyDescent="0.25">
      <c r="A3158" s="1">
        <v>41895</v>
      </c>
      <c r="B3158" s="2">
        <v>5.903935185185185E-2</v>
      </c>
      <c r="C3158">
        <v>208.85759999999999</v>
      </c>
      <c r="D3158">
        <v>417.71519999999998</v>
      </c>
    </row>
    <row r="3159" spans="1:4" x14ac:dyDescent="0.25">
      <c r="A3159" s="1">
        <v>41895</v>
      </c>
      <c r="B3159" s="2">
        <v>5.9745370370370372E-2</v>
      </c>
      <c r="C3159">
        <v>208.92419999999998</v>
      </c>
      <c r="D3159">
        <v>417.84839999999997</v>
      </c>
    </row>
    <row r="3160" spans="1:4" x14ac:dyDescent="0.25">
      <c r="A3160" s="1">
        <v>41895</v>
      </c>
      <c r="B3160" s="2">
        <v>6.04050925925926E-2</v>
      </c>
      <c r="C3160">
        <v>208.99079999999998</v>
      </c>
      <c r="D3160">
        <v>417.98159999999996</v>
      </c>
    </row>
    <row r="3161" spans="1:4" x14ac:dyDescent="0.25">
      <c r="A3161" s="1">
        <v>41895</v>
      </c>
      <c r="B3161" s="2">
        <v>6.1111111111111116E-2</v>
      </c>
      <c r="C3161">
        <v>209.0574</v>
      </c>
      <c r="D3161">
        <v>418.1148</v>
      </c>
    </row>
    <row r="3162" spans="1:4" x14ac:dyDescent="0.25">
      <c r="A3162" s="1">
        <v>41895</v>
      </c>
      <c r="B3162" s="2">
        <v>6.177083333333333E-2</v>
      </c>
      <c r="C3162">
        <v>209.12399999999997</v>
      </c>
      <c r="D3162">
        <v>418.24799999999993</v>
      </c>
    </row>
    <row r="3163" spans="1:4" x14ac:dyDescent="0.25">
      <c r="A3163" s="1">
        <v>41895</v>
      </c>
      <c r="B3163" s="2">
        <v>6.2488425925925926E-2</v>
      </c>
      <c r="C3163">
        <v>209.19059999999999</v>
      </c>
      <c r="D3163">
        <v>418.38119999999998</v>
      </c>
    </row>
    <row r="3164" spans="1:4" x14ac:dyDescent="0.25">
      <c r="A3164" s="1">
        <v>41895</v>
      </c>
      <c r="B3164" s="2">
        <v>6.3159722222222228E-2</v>
      </c>
      <c r="C3164">
        <v>209.25719999999998</v>
      </c>
      <c r="D3164">
        <v>418.51439999999997</v>
      </c>
    </row>
    <row r="3165" spans="1:4" x14ac:dyDescent="0.25">
      <c r="A3165" s="1">
        <v>41895</v>
      </c>
      <c r="B3165" s="2">
        <v>6.3888888888888884E-2</v>
      </c>
      <c r="C3165">
        <v>209.32379999999998</v>
      </c>
      <c r="D3165">
        <v>418.64759999999995</v>
      </c>
    </row>
    <row r="3166" spans="1:4" x14ac:dyDescent="0.25">
      <c r="A3166" s="1">
        <v>41895</v>
      </c>
      <c r="B3166" s="2">
        <v>6.4571759259259259E-2</v>
      </c>
      <c r="C3166">
        <v>209.3904</v>
      </c>
      <c r="D3166">
        <v>418.7808</v>
      </c>
    </row>
    <row r="3167" spans="1:4" x14ac:dyDescent="0.25">
      <c r="A3167" s="1">
        <v>41895</v>
      </c>
      <c r="B3167" s="2">
        <v>6.5312499999999996E-2</v>
      </c>
      <c r="C3167">
        <v>209.45699999999997</v>
      </c>
      <c r="D3167">
        <v>418.91399999999993</v>
      </c>
    </row>
    <row r="3168" spans="1:4" x14ac:dyDescent="0.25">
      <c r="A3168" s="1">
        <v>41895</v>
      </c>
      <c r="B3168" s="2">
        <v>6.6018518518518518E-2</v>
      </c>
      <c r="C3168">
        <v>209.52359999999999</v>
      </c>
      <c r="D3168">
        <v>419.04719999999998</v>
      </c>
    </row>
    <row r="3169" spans="1:4" x14ac:dyDescent="0.25">
      <c r="A3169" s="1">
        <v>41895</v>
      </c>
      <c r="B3169" s="2">
        <v>6.6782407407407415E-2</v>
      </c>
      <c r="C3169">
        <v>209.59019999999998</v>
      </c>
      <c r="D3169">
        <v>419.18039999999996</v>
      </c>
    </row>
    <row r="3170" spans="1:4" x14ac:dyDescent="0.25">
      <c r="A3170" s="1">
        <v>41895</v>
      </c>
      <c r="B3170" s="2">
        <v>6.7511574074074085E-2</v>
      </c>
      <c r="C3170">
        <v>209.65679999999998</v>
      </c>
      <c r="D3170">
        <v>419.31359999999995</v>
      </c>
    </row>
    <row r="3171" spans="1:4" x14ac:dyDescent="0.25">
      <c r="A3171" s="1">
        <v>41895</v>
      </c>
      <c r="B3171" s="2">
        <v>6.8287037037037035E-2</v>
      </c>
      <c r="C3171">
        <v>209.7234</v>
      </c>
      <c r="D3171">
        <v>419.4468</v>
      </c>
    </row>
    <row r="3172" spans="1:4" x14ac:dyDescent="0.25">
      <c r="A3172" s="1">
        <v>41895</v>
      </c>
      <c r="B3172" s="2">
        <v>6.9050925925925918E-2</v>
      </c>
      <c r="C3172">
        <v>209.78999999999996</v>
      </c>
      <c r="D3172">
        <v>419.57999999999993</v>
      </c>
    </row>
    <row r="3173" spans="1:4" x14ac:dyDescent="0.25">
      <c r="A3173" s="1">
        <v>41895</v>
      </c>
      <c r="B3173" s="2">
        <v>6.986111111111111E-2</v>
      </c>
      <c r="C3173">
        <v>209.85659999999999</v>
      </c>
      <c r="D3173">
        <v>419.71319999999997</v>
      </c>
    </row>
    <row r="3174" spans="1:4" x14ac:dyDescent="0.25">
      <c r="A3174" s="1">
        <v>41895</v>
      </c>
      <c r="B3174" s="2">
        <v>7.0625000000000007E-2</v>
      </c>
      <c r="C3174">
        <v>209.92319999999998</v>
      </c>
      <c r="D3174">
        <v>419.84639999999996</v>
      </c>
    </row>
    <row r="3175" spans="1:4" x14ac:dyDescent="0.25">
      <c r="A3175" s="1">
        <v>41895</v>
      </c>
      <c r="B3175" s="2">
        <v>7.1458333333333332E-2</v>
      </c>
      <c r="C3175">
        <v>209.9898</v>
      </c>
      <c r="D3175">
        <v>419.9796</v>
      </c>
    </row>
    <row r="3176" spans="1:4" x14ac:dyDescent="0.25">
      <c r="A3176" s="1">
        <v>41895</v>
      </c>
      <c r="B3176" s="2">
        <v>7.2245370370370363E-2</v>
      </c>
      <c r="C3176">
        <v>210.0564</v>
      </c>
      <c r="D3176">
        <v>420.11279999999999</v>
      </c>
    </row>
    <row r="3177" spans="1:4" x14ac:dyDescent="0.25">
      <c r="A3177" s="1">
        <v>41895</v>
      </c>
      <c r="B3177" s="2">
        <v>7.3101851851851848E-2</v>
      </c>
      <c r="C3177">
        <v>210.12299999999996</v>
      </c>
      <c r="D3177">
        <v>420.24599999999992</v>
      </c>
    </row>
    <row r="3178" spans="1:4" x14ac:dyDescent="0.25">
      <c r="A3178" s="1">
        <v>41895</v>
      </c>
      <c r="B3178" s="2">
        <v>7.391203703703704E-2</v>
      </c>
      <c r="C3178">
        <v>210.18959999999998</v>
      </c>
      <c r="D3178">
        <v>420.37919999999997</v>
      </c>
    </row>
    <row r="3179" spans="1:4" x14ac:dyDescent="0.25">
      <c r="A3179" s="1">
        <v>41895</v>
      </c>
      <c r="B3179" s="2">
        <v>7.480324074074074E-2</v>
      </c>
      <c r="C3179">
        <v>210.25619999999998</v>
      </c>
      <c r="D3179">
        <v>420.51239999999996</v>
      </c>
    </row>
    <row r="3180" spans="1:4" x14ac:dyDescent="0.25">
      <c r="A3180" s="1">
        <v>41895</v>
      </c>
      <c r="B3180" s="2">
        <v>7.5648148148148145E-2</v>
      </c>
      <c r="C3180">
        <v>210.3228</v>
      </c>
      <c r="D3180">
        <v>420.6456</v>
      </c>
    </row>
    <row r="3181" spans="1:4" x14ac:dyDescent="0.25">
      <c r="A3181" s="1">
        <v>41895</v>
      </c>
      <c r="B3181" s="2">
        <v>7.6562499999999992E-2</v>
      </c>
      <c r="C3181">
        <v>210.38939999999999</v>
      </c>
      <c r="D3181">
        <v>420.77879999999999</v>
      </c>
    </row>
    <row r="3182" spans="1:4" x14ac:dyDescent="0.25">
      <c r="A3182" s="1">
        <v>41895</v>
      </c>
      <c r="B3182" s="2">
        <v>7.7453703703703705E-2</v>
      </c>
      <c r="C3182">
        <v>210.45599999999996</v>
      </c>
      <c r="D3182">
        <v>420.91199999999992</v>
      </c>
    </row>
    <row r="3183" spans="1:4" x14ac:dyDescent="0.25">
      <c r="A3183" s="1">
        <v>41895</v>
      </c>
      <c r="B3183" s="2">
        <v>7.8391203703703713E-2</v>
      </c>
      <c r="C3183">
        <v>210.52259999999998</v>
      </c>
      <c r="D3183">
        <v>421.04519999999997</v>
      </c>
    </row>
    <row r="3184" spans="1:4" x14ac:dyDescent="0.25">
      <c r="A3184" s="1">
        <v>41895</v>
      </c>
      <c r="B3184" s="2">
        <v>7.9293981481481479E-2</v>
      </c>
      <c r="C3184">
        <v>210.58919999999998</v>
      </c>
      <c r="D3184">
        <v>421.17839999999995</v>
      </c>
    </row>
    <row r="3185" spans="1:4" x14ac:dyDescent="0.25">
      <c r="A3185" s="1">
        <v>41895</v>
      </c>
      <c r="B3185" s="2">
        <v>8.0266203703703701E-2</v>
      </c>
      <c r="C3185">
        <v>210.6558</v>
      </c>
      <c r="D3185">
        <v>421.3116</v>
      </c>
    </row>
    <row r="3186" spans="1:4" x14ac:dyDescent="0.25">
      <c r="A3186" s="1">
        <v>41895</v>
      </c>
      <c r="B3186" s="2">
        <v>8.1180555555555547E-2</v>
      </c>
      <c r="C3186">
        <v>210.72239999999999</v>
      </c>
      <c r="D3186">
        <v>421.44479999999999</v>
      </c>
    </row>
    <row r="3187" spans="1:4" x14ac:dyDescent="0.25">
      <c r="A3187" s="1">
        <v>41895</v>
      </c>
      <c r="B3187" s="2">
        <v>8.2152777777777783E-2</v>
      </c>
      <c r="C3187">
        <v>210.78899999999996</v>
      </c>
      <c r="D3187">
        <v>421.57799999999992</v>
      </c>
    </row>
    <row r="3188" spans="1:4" x14ac:dyDescent="0.25">
      <c r="A3188" s="1">
        <v>41895</v>
      </c>
      <c r="B3188" s="2">
        <v>8.3090277777777777E-2</v>
      </c>
      <c r="C3188">
        <v>210.85559999999998</v>
      </c>
      <c r="D3188">
        <v>421.71119999999996</v>
      </c>
    </row>
    <row r="3189" spans="1:4" x14ac:dyDescent="0.25">
      <c r="A3189" s="1">
        <v>41895</v>
      </c>
      <c r="B3189" s="2">
        <v>8.4074074074074079E-2</v>
      </c>
      <c r="C3189">
        <v>210.92219999999998</v>
      </c>
      <c r="D3189">
        <v>421.84439999999995</v>
      </c>
    </row>
    <row r="3190" spans="1:4" x14ac:dyDescent="0.25">
      <c r="A3190" s="1">
        <v>41895</v>
      </c>
      <c r="B3190" s="2">
        <v>8.5023148148148153E-2</v>
      </c>
      <c r="C3190">
        <v>210.9888</v>
      </c>
      <c r="D3190">
        <v>421.9776</v>
      </c>
    </row>
    <row r="3191" spans="1:4" x14ac:dyDescent="0.25">
      <c r="A3191" s="1">
        <v>41895</v>
      </c>
      <c r="B3191" s="2">
        <v>8.6018518518518508E-2</v>
      </c>
      <c r="C3191">
        <v>211.05539999999999</v>
      </c>
      <c r="D3191">
        <v>422.11079999999998</v>
      </c>
    </row>
    <row r="3192" spans="1:4" x14ac:dyDescent="0.25">
      <c r="A3192" s="1">
        <v>41895</v>
      </c>
      <c r="B3192" s="2">
        <v>8.6956018518518516E-2</v>
      </c>
      <c r="C3192">
        <v>211.12199999999996</v>
      </c>
      <c r="D3192">
        <v>422.24399999999991</v>
      </c>
    </row>
    <row r="3193" spans="1:4" x14ac:dyDescent="0.25">
      <c r="A3193" s="1">
        <v>41895</v>
      </c>
      <c r="B3193" s="2">
        <v>8.7951388888888885E-2</v>
      </c>
      <c r="C3193">
        <v>211.18859999999998</v>
      </c>
      <c r="D3193">
        <v>422.37719999999996</v>
      </c>
    </row>
    <row r="3194" spans="1:4" x14ac:dyDescent="0.25">
      <c r="A3194" s="1">
        <v>41895</v>
      </c>
      <c r="B3194" s="2">
        <v>8.8900462962962959E-2</v>
      </c>
      <c r="C3194">
        <v>211.25519999999997</v>
      </c>
      <c r="D3194">
        <v>422.51039999999995</v>
      </c>
    </row>
    <row r="3195" spans="1:4" x14ac:dyDescent="0.25">
      <c r="A3195" s="1">
        <v>41895</v>
      </c>
      <c r="B3195" s="2">
        <v>8.9918981481481475E-2</v>
      </c>
      <c r="C3195">
        <v>211.3218</v>
      </c>
      <c r="D3195">
        <v>422.64359999999999</v>
      </c>
    </row>
    <row r="3196" spans="1:4" x14ac:dyDescent="0.25">
      <c r="A3196" s="1">
        <v>41895</v>
      </c>
      <c r="B3196" s="2">
        <v>9.0868055555555549E-2</v>
      </c>
      <c r="C3196">
        <v>211.38839999999999</v>
      </c>
      <c r="D3196">
        <v>422.77679999999998</v>
      </c>
    </row>
    <row r="3197" spans="1:4" x14ac:dyDescent="0.25">
      <c r="A3197" s="1">
        <v>41895</v>
      </c>
      <c r="B3197" s="2">
        <v>9.1874999999999998E-2</v>
      </c>
      <c r="C3197">
        <v>211.45499999999998</v>
      </c>
      <c r="D3197">
        <v>422.90999999999997</v>
      </c>
    </row>
    <row r="3198" spans="1:4" x14ac:dyDescent="0.25">
      <c r="A3198" s="1">
        <v>41895</v>
      </c>
      <c r="B3198" s="2">
        <v>9.2812500000000006E-2</v>
      </c>
      <c r="C3198">
        <v>211.52159999999998</v>
      </c>
      <c r="D3198">
        <v>423.04319999999996</v>
      </c>
    </row>
    <row r="3199" spans="1:4" x14ac:dyDescent="0.25">
      <c r="A3199" s="1">
        <v>41895</v>
      </c>
      <c r="B3199" s="2">
        <v>9.3796296296296308E-2</v>
      </c>
      <c r="C3199">
        <v>211.58819999999997</v>
      </c>
      <c r="D3199">
        <v>423.17639999999994</v>
      </c>
    </row>
    <row r="3200" spans="1:4" x14ac:dyDescent="0.25">
      <c r="A3200" s="1">
        <v>41895</v>
      </c>
      <c r="B3200" s="2">
        <v>9.4733796296296302E-2</v>
      </c>
      <c r="C3200">
        <v>211.65479999999999</v>
      </c>
      <c r="D3200">
        <v>423.30959999999999</v>
      </c>
    </row>
    <row r="3201" spans="1:4" x14ac:dyDescent="0.25">
      <c r="A3201" s="1">
        <v>41895</v>
      </c>
      <c r="B3201" s="2">
        <v>9.5740740740740737E-2</v>
      </c>
      <c r="C3201">
        <v>211.72139999999999</v>
      </c>
      <c r="D3201">
        <v>423.44279999999998</v>
      </c>
    </row>
    <row r="3202" spans="1:4" x14ac:dyDescent="0.25">
      <c r="A3202" s="1">
        <v>41895</v>
      </c>
      <c r="B3202" s="2">
        <v>9.6701388888888892E-2</v>
      </c>
      <c r="C3202">
        <v>211.78799999999998</v>
      </c>
      <c r="D3202">
        <v>423.57599999999996</v>
      </c>
    </row>
    <row r="3203" spans="1:4" x14ac:dyDescent="0.25">
      <c r="A3203" s="1">
        <v>41895</v>
      </c>
      <c r="B3203" s="2">
        <v>9.7696759259259261E-2</v>
      </c>
      <c r="C3203">
        <v>211.85459999999998</v>
      </c>
      <c r="D3203">
        <v>423.70919999999995</v>
      </c>
    </row>
    <row r="3204" spans="1:4" x14ac:dyDescent="0.25">
      <c r="A3204" s="1">
        <v>41895</v>
      </c>
      <c r="B3204" s="2">
        <v>9.8657407407407402E-2</v>
      </c>
      <c r="C3204">
        <v>211.92119999999997</v>
      </c>
      <c r="D3204">
        <v>423.84239999999994</v>
      </c>
    </row>
    <row r="3205" spans="1:4" x14ac:dyDescent="0.25">
      <c r="A3205" s="1">
        <v>41895</v>
      </c>
      <c r="B3205" s="2">
        <v>9.9675925925925932E-2</v>
      </c>
      <c r="C3205">
        <v>211.98779999999999</v>
      </c>
      <c r="D3205">
        <v>423.97559999999999</v>
      </c>
    </row>
    <row r="3206" spans="1:4" x14ac:dyDescent="0.25">
      <c r="A3206" s="1">
        <v>41895</v>
      </c>
      <c r="B3206" s="2">
        <v>0.10063657407407407</v>
      </c>
      <c r="C3206">
        <v>212.05439999999999</v>
      </c>
      <c r="D3206">
        <v>424.10879999999997</v>
      </c>
    </row>
    <row r="3207" spans="1:4" x14ac:dyDescent="0.25">
      <c r="A3207" s="1">
        <v>41895</v>
      </c>
      <c r="B3207" s="2">
        <v>0.10166666666666667</v>
      </c>
      <c r="C3207">
        <v>212.12099999999998</v>
      </c>
      <c r="D3207">
        <v>424.24199999999996</v>
      </c>
    </row>
    <row r="3208" spans="1:4" x14ac:dyDescent="0.25">
      <c r="A3208" s="1">
        <v>41895</v>
      </c>
      <c r="B3208" s="2">
        <v>0.10265046296296297</v>
      </c>
      <c r="C3208">
        <v>212.18759999999997</v>
      </c>
      <c r="D3208">
        <v>424.37519999999995</v>
      </c>
    </row>
    <row r="3209" spans="1:4" x14ac:dyDescent="0.25">
      <c r="A3209" s="1">
        <v>41895</v>
      </c>
      <c r="B3209" s="2">
        <v>0.10372685185185186</v>
      </c>
      <c r="C3209">
        <v>212.25419999999997</v>
      </c>
      <c r="D3209">
        <v>424.50839999999994</v>
      </c>
    </row>
    <row r="3210" spans="1:4" x14ac:dyDescent="0.25">
      <c r="A3210" s="1">
        <v>41895</v>
      </c>
      <c r="B3210" s="2">
        <v>0.10474537037037036</v>
      </c>
      <c r="C3210">
        <v>212.32079999999999</v>
      </c>
      <c r="D3210">
        <v>424.64159999999998</v>
      </c>
    </row>
    <row r="3211" spans="1:4" x14ac:dyDescent="0.25">
      <c r="A3211" s="1">
        <v>41895</v>
      </c>
      <c r="B3211" s="2">
        <v>0.10582175925925925</v>
      </c>
      <c r="C3211">
        <v>212.38739999999999</v>
      </c>
      <c r="D3211">
        <v>424.77479999999997</v>
      </c>
    </row>
    <row r="3212" spans="1:4" x14ac:dyDescent="0.25">
      <c r="A3212" s="1">
        <v>41895</v>
      </c>
      <c r="B3212" s="2">
        <v>0.10685185185185185</v>
      </c>
      <c r="C3212">
        <v>212.45399999999998</v>
      </c>
      <c r="D3212">
        <v>424.90799999999996</v>
      </c>
    </row>
    <row r="3213" spans="1:4" x14ac:dyDescent="0.25">
      <c r="A3213" s="1">
        <v>41895</v>
      </c>
      <c r="B3213" s="2">
        <v>0.10796296296296297</v>
      </c>
      <c r="C3213">
        <v>212.52059999999997</v>
      </c>
      <c r="D3213">
        <v>425.04119999999995</v>
      </c>
    </row>
    <row r="3214" spans="1:4" x14ac:dyDescent="0.25">
      <c r="A3214" s="1">
        <v>41895</v>
      </c>
      <c r="B3214" s="2">
        <v>0.10900462962962963</v>
      </c>
      <c r="C3214">
        <v>212.5872</v>
      </c>
      <c r="D3214">
        <v>425.17439999999999</v>
      </c>
    </row>
    <row r="3215" spans="1:4" x14ac:dyDescent="0.25">
      <c r="A3215" s="1">
        <v>41895</v>
      </c>
      <c r="B3215" s="2">
        <v>0.1101388888888889</v>
      </c>
      <c r="C3215">
        <v>212.65379999999999</v>
      </c>
      <c r="D3215">
        <v>425.30759999999998</v>
      </c>
    </row>
    <row r="3216" spans="1:4" x14ac:dyDescent="0.25">
      <c r="A3216" s="1">
        <v>41895</v>
      </c>
      <c r="B3216" s="2">
        <v>0.11118055555555556</v>
      </c>
      <c r="C3216">
        <v>212.72039999999998</v>
      </c>
      <c r="D3216">
        <v>425.44079999999997</v>
      </c>
    </row>
    <row r="3217" spans="1:4" x14ac:dyDescent="0.25">
      <c r="A3217" s="1">
        <v>41895</v>
      </c>
      <c r="B3217" s="2">
        <v>0.11230324074074073</v>
      </c>
      <c r="C3217">
        <v>212.78699999999998</v>
      </c>
      <c r="D3217">
        <v>425.57399999999996</v>
      </c>
    </row>
    <row r="3218" spans="1:4" x14ac:dyDescent="0.25">
      <c r="A3218" s="1">
        <v>41895</v>
      </c>
      <c r="B3218" s="2">
        <v>0.11335648148148147</v>
      </c>
      <c r="C3218">
        <v>212.85359999999997</v>
      </c>
      <c r="D3218">
        <v>425.70719999999994</v>
      </c>
    </row>
    <row r="3219" spans="1:4" x14ac:dyDescent="0.25">
      <c r="A3219" s="1">
        <v>41895</v>
      </c>
      <c r="B3219" s="2">
        <v>0.11444444444444445</v>
      </c>
      <c r="C3219">
        <v>212.92019999999999</v>
      </c>
      <c r="D3219">
        <v>425.84039999999999</v>
      </c>
    </row>
    <row r="3220" spans="1:4" x14ac:dyDescent="0.25">
      <c r="A3220" s="1">
        <v>41895</v>
      </c>
      <c r="B3220" s="2">
        <v>0.11548611111111111</v>
      </c>
      <c r="C3220">
        <v>212.98679999999999</v>
      </c>
      <c r="D3220">
        <v>425.97359999999998</v>
      </c>
    </row>
    <row r="3221" spans="1:4" x14ac:dyDescent="0.25">
      <c r="A3221" s="1">
        <v>41895</v>
      </c>
      <c r="B3221" s="2">
        <v>0.11660879629629629</v>
      </c>
      <c r="C3221">
        <v>213.05339999999998</v>
      </c>
      <c r="D3221">
        <v>426.10679999999996</v>
      </c>
    </row>
    <row r="3222" spans="1:4" x14ac:dyDescent="0.25">
      <c r="A3222" s="1">
        <v>41895</v>
      </c>
      <c r="B3222" s="2">
        <v>0.11766203703703704</v>
      </c>
      <c r="C3222">
        <v>213.11999999999998</v>
      </c>
      <c r="D3222">
        <v>426.23999999999995</v>
      </c>
    </row>
    <row r="3223" spans="1:4" x14ac:dyDescent="0.25">
      <c r="A3223" s="1">
        <v>41895</v>
      </c>
      <c r="B3223" s="2">
        <v>0.11877314814814814</v>
      </c>
      <c r="C3223">
        <v>213.18659999999997</v>
      </c>
      <c r="D3223">
        <v>426.37319999999994</v>
      </c>
    </row>
    <row r="3224" spans="1:4" x14ac:dyDescent="0.25">
      <c r="A3224" s="1">
        <v>41895</v>
      </c>
      <c r="B3224" s="2">
        <v>0.11983796296296297</v>
      </c>
      <c r="C3224">
        <v>213.25319999999999</v>
      </c>
      <c r="D3224">
        <v>426.50639999999999</v>
      </c>
    </row>
    <row r="3225" spans="1:4" x14ac:dyDescent="0.25">
      <c r="A3225" s="1">
        <v>41895</v>
      </c>
      <c r="B3225" s="2">
        <v>0.12096064814814815</v>
      </c>
      <c r="C3225">
        <v>213.31979999999999</v>
      </c>
      <c r="D3225">
        <v>426.63959999999997</v>
      </c>
    </row>
    <row r="3226" spans="1:4" x14ac:dyDescent="0.25">
      <c r="A3226" s="1">
        <v>41895</v>
      </c>
      <c r="B3226" s="2">
        <v>0.12201388888888888</v>
      </c>
      <c r="C3226">
        <v>213.38639999999998</v>
      </c>
      <c r="D3226">
        <v>426.77279999999996</v>
      </c>
    </row>
    <row r="3227" spans="1:4" x14ac:dyDescent="0.25">
      <c r="A3227" s="1">
        <v>41895</v>
      </c>
      <c r="B3227" s="2">
        <v>0.123125</v>
      </c>
      <c r="C3227">
        <v>213.45299999999997</v>
      </c>
      <c r="D3227">
        <v>426.90599999999995</v>
      </c>
    </row>
    <row r="3228" spans="1:4" x14ac:dyDescent="0.25">
      <c r="A3228" s="1">
        <v>41895</v>
      </c>
      <c r="B3228" s="2">
        <v>0.12412037037037038</v>
      </c>
      <c r="C3228">
        <v>213.51959999999997</v>
      </c>
      <c r="D3228">
        <v>427.03919999999994</v>
      </c>
    </row>
    <row r="3229" spans="1:4" x14ac:dyDescent="0.25">
      <c r="A3229" s="1">
        <v>41895</v>
      </c>
      <c r="B3229" s="2">
        <v>0.12517361111111111</v>
      </c>
      <c r="C3229">
        <v>213.58619999999999</v>
      </c>
      <c r="D3229">
        <v>427.17239999999998</v>
      </c>
    </row>
    <row r="3230" spans="1:4" x14ac:dyDescent="0.25">
      <c r="A3230" s="1">
        <v>41895</v>
      </c>
      <c r="B3230" s="2">
        <v>0.12613425925925925</v>
      </c>
      <c r="C3230">
        <v>213.65279999999998</v>
      </c>
      <c r="D3230">
        <v>427.30559999999997</v>
      </c>
    </row>
    <row r="3231" spans="1:4" x14ac:dyDescent="0.25">
      <c r="A3231" s="1">
        <v>41895</v>
      </c>
      <c r="B3231" s="2">
        <v>0.12712962962962962</v>
      </c>
      <c r="C3231">
        <v>213.71940000000001</v>
      </c>
      <c r="D3231">
        <v>427.43880000000001</v>
      </c>
    </row>
    <row r="3232" spans="1:4" x14ac:dyDescent="0.25">
      <c r="A3232" s="1">
        <v>41895</v>
      </c>
      <c r="B3232" s="2">
        <v>0.12804398148148147</v>
      </c>
      <c r="C3232">
        <v>213.78599999999997</v>
      </c>
      <c r="D3232">
        <v>427.57199999999995</v>
      </c>
    </row>
    <row r="3233" spans="1:4" x14ac:dyDescent="0.25">
      <c r="A3233" s="1">
        <v>41895</v>
      </c>
      <c r="B3233" s="2">
        <v>0.12900462962962964</v>
      </c>
      <c r="C3233">
        <v>213.85259999999997</v>
      </c>
      <c r="D3233">
        <v>427.70519999999993</v>
      </c>
    </row>
    <row r="3234" spans="1:4" x14ac:dyDescent="0.25">
      <c r="A3234" s="1">
        <v>41895</v>
      </c>
      <c r="B3234" s="2">
        <v>0.12990740740740742</v>
      </c>
      <c r="C3234">
        <v>213.91919999999999</v>
      </c>
      <c r="D3234">
        <v>427.83839999999998</v>
      </c>
    </row>
    <row r="3235" spans="1:4" x14ac:dyDescent="0.25">
      <c r="A3235" s="1">
        <v>41895</v>
      </c>
      <c r="B3235" s="2">
        <v>0.13084490740740742</v>
      </c>
      <c r="C3235">
        <v>213.98579999999998</v>
      </c>
      <c r="D3235">
        <v>427.97159999999997</v>
      </c>
    </row>
    <row r="3236" spans="1:4" x14ac:dyDescent="0.25">
      <c r="A3236" s="1">
        <v>41895</v>
      </c>
      <c r="B3236" s="2">
        <v>0.13170138888888888</v>
      </c>
      <c r="C3236">
        <v>214.05240000000001</v>
      </c>
      <c r="D3236">
        <v>428.10480000000001</v>
      </c>
    </row>
    <row r="3237" spans="1:4" x14ac:dyDescent="0.25">
      <c r="A3237" s="1">
        <v>41895</v>
      </c>
      <c r="B3237" s="2">
        <v>0.13258101851851853</v>
      </c>
      <c r="C3237">
        <v>214.11899999999997</v>
      </c>
      <c r="D3237">
        <v>428.23799999999994</v>
      </c>
    </row>
    <row r="3238" spans="1:4" x14ac:dyDescent="0.25">
      <c r="A3238" s="1">
        <v>41895</v>
      </c>
      <c r="B3238" s="2">
        <v>0.13340277777777779</v>
      </c>
      <c r="C3238">
        <v>214.18559999999997</v>
      </c>
      <c r="D3238">
        <v>428.37119999999993</v>
      </c>
    </row>
    <row r="3239" spans="1:4" x14ac:dyDescent="0.25">
      <c r="A3239" s="1">
        <v>41895</v>
      </c>
      <c r="B3239" s="2">
        <v>0.13423611111111111</v>
      </c>
      <c r="C3239">
        <v>214.25219999999999</v>
      </c>
      <c r="D3239">
        <v>428.50439999999998</v>
      </c>
    </row>
    <row r="3240" spans="1:4" x14ac:dyDescent="0.25">
      <c r="A3240" s="1">
        <v>41895</v>
      </c>
      <c r="B3240" s="2">
        <v>0.13502314814814814</v>
      </c>
      <c r="C3240">
        <v>214.31879999999998</v>
      </c>
      <c r="D3240">
        <v>428.63759999999996</v>
      </c>
    </row>
    <row r="3241" spans="1:4" x14ac:dyDescent="0.25">
      <c r="A3241" s="1">
        <v>41895</v>
      </c>
      <c r="B3241" s="2">
        <v>0.13587962962962963</v>
      </c>
      <c r="C3241">
        <v>214.3854</v>
      </c>
      <c r="D3241">
        <v>428.77080000000001</v>
      </c>
    </row>
    <row r="3242" spans="1:4" x14ac:dyDescent="0.25">
      <c r="A3242" s="1">
        <v>41895</v>
      </c>
      <c r="B3242" s="2">
        <v>0.13667824074074073</v>
      </c>
      <c r="C3242">
        <v>214.45199999999997</v>
      </c>
      <c r="D3242">
        <v>428.90399999999994</v>
      </c>
    </row>
    <row r="3243" spans="1:4" x14ac:dyDescent="0.25">
      <c r="A3243" s="1">
        <v>41895</v>
      </c>
      <c r="B3243" s="2">
        <v>0.13752314814814814</v>
      </c>
      <c r="C3243">
        <v>214.51859999999996</v>
      </c>
      <c r="D3243">
        <v>429.03719999999993</v>
      </c>
    </row>
    <row r="3244" spans="1:4" x14ac:dyDescent="0.25">
      <c r="A3244" s="1">
        <v>41895</v>
      </c>
      <c r="B3244" s="2">
        <v>0.13829861111111111</v>
      </c>
      <c r="C3244">
        <v>214.58519999999999</v>
      </c>
      <c r="D3244">
        <v>429.17039999999997</v>
      </c>
    </row>
    <row r="3245" spans="1:4" x14ac:dyDescent="0.25">
      <c r="A3245" s="1">
        <v>41895</v>
      </c>
      <c r="B3245" s="2">
        <v>0.13915509259259259</v>
      </c>
      <c r="C3245">
        <v>214.65179999999998</v>
      </c>
      <c r="D3245">
        <v>429.30359999999996</v>
      </c>
    </row>
    <row r="3246" spans="1:4" x14ac:dyDescent="0.25">
      <c r="A3246" s="1">
        <v>41895</v>
      </c>
      <c r="B3246" s="2">
        <v>0.13996527777777779</v>
      </c>
      <c r="C3246">
        <v>214.7184</v>
      </c>
      <c r="D3246">
        <v>429.43680000000001</v>
      </c>
    </row>
    <row r="3247" spans="1:4" x14ac:dyDescent="0.25">
      <c r="A3247" s="1">
        <v>41895</v>
      </c>
      <c r="B3247" s="2">
        <v>0.14082175925925924</v>
      </c>
      <c r="C3247">
        <v>214.78499999999997</v>
      </c>
      <c r="D3247">
        <v>429.56999999999994</v>
      </c>
    </row>
    <row r="3248" spans="1:4" x14ac:dyDescent="0.25">
      <c r="A3248" s="1">
        <v>41895</v>
      </c>
      <c r="B3248" s="2">
        <v>0.1416435185185185</v>
      </c>
      <c r="C3248">
        <v>214.85159999999999</v>
      </c>
      <c r="D3248">
        <v>429.70319999999998</v>
      </c>
    </row>
    <row r="3249" spans="1:4" x14ac:dyDescent="0.25">
      <c r="A3249" s="1">
        <v>41895</v>
      </c>
      <c r="B3249" s="2">
        <v>0.14252314814814815</v>
      </c>
      <c r="C3249">
        <v>214.91819999999998</v>
      </c>
      <c r="D3249">
        <v>429.83639999999997</v>
      </c>
    </row>
    <row r="3250" spans="1:4" x14ac:dyDescent="0.25">
      <c r="A3250" s="1">
        <v>41895</v>
      </c>
      <c r="B3250" s="2">
        <v>0.14334490740740741</v>
      </c>
      <c r="C3250">
        <v>214.98479999999998</v>
      </c>
      <c r="D3250">
        <v>429.96959999999996</v>
      </c>
    </row>
    <row r="3251" spans="1:4" x14ac:dyDescent="0.25">
      <c r="A3251" s="1">
        <v>41895</v>
      </c>
      <c r="B3251" s="2">
        <v>0.14425925925925925</v>
      </c>
      <c r="C3251">
        <v>215.0514</v>
      </c>
      <c r="D3251">
        <v>430.1028</v>
      </c>
    </row>
    <row r="3252" spans="1:4" x14ac:dyDescent="0.25">
      <c r="A3252" s="1">
        <v>41895</v>
      </c>
      <c r="B3252" s="2">
        <v>0.14511574074074074</v>
      </c>
      <c r="C3252">
        <v>215.11799999999997</v>
      </c>
      <c r="D3252">
        <v>430.23599999999993</v>
      </c>
    </row>
    <row r="3253" spans="1:4" x14ac:dyDescent="0.25">
      <c r="A3253" s="1">
        <v>41895</v>
      </c>
      <c r="B3253" s="2">
        <v>0.14605324074074075</v>
      </c>
      <c r="C3253">
        <v>215.18459999999999</v>
      </c>
      <c r="D3253">
        <v>430.36919999999998</v>
      </c>
    </row>
    <row r="3254" spans="1:4" x14ac:dyDescent="0.25">
      <c r="A3254" s="1">
        <v>41895</v>
      </c>
      <c r="B3254" s="2">
        <v>0.1469560185185185</v>
      </c>
      <c r="C3254">
        <v>215.25119999999998</v>
      </c>
      <c r="D3254">
        <v>430.50239999999997</v>
      </c>
    </row>
    <row r="3255" spans="1:4" x14ac:dyDescent="0.25">
      <c r="A3255" s="1">
        <v>41895</v>
      </c>
      <c r="B3255" s="2">
        <v>0.14796296296296296</v>
      </c>
      <c r="C3255">
        <v>215.31779999999998</v>
      </c>
      <c r="D3255">
        <v>430.63559999999995</v>
      </c>
    </row>
    <row r="3256" spans="1:4" x14ac:dyDescent="0.25">
      <c r="A3256" s="1">
        <v>41895</v>
      </c>
      <c r="B3256" s="2">
        <v>0.1489236111111111</v>
      </c>
      <c r="C3256">
        <v>215.3844</v>
      </c>
      <c r="D3256">
        <v>430.7688</v>
      </c>
    </row>
    <row r="3257" spans="1:4" x14ac:dyDescent="0.25">
      <c r="A3257" s="1">
        <v>41895</v>
      </c>
      <c r="B3257" s="2">
        <v>0.14997685185185186</v>
      </c>
      <c r="C3257">
        <v>215.45099999999996</v>
      </c>
      <c r="D3257">
        <v>430.90199999999993</v>
      </c>
    </row>
    <row r="3258" spans="1:4" x14ac:dyDescent="0.25">
      <c r="A3258" s="1">
        <v>41895</v>
      </c>
      <c r="B3258" s="2">
        <v>0.15100694444444443</v>
      </c>
      <c r="C3258">
        <v>215.51759999999999</v>
      </c>
      <c r="D3258">
        <v>431.03519999999997</v>
      </c>
    </row>
    <row r="3259" spans="1:4" x14ac:dyDescent="0.25">
      <c r="A3259" s="1">
        <v>41895</v>
      </c>
      <c r="B3259" s="2">
        <v>0.15212962962962964</v>
      </c>
      <c r="C3259">
        <v>215.58419999999998</v>
      </c>
      <c r="D3259">
        <v>431.16839999999996</v>
      </c>
    </row>
    <row r="3260" spans="1:4" x14ac:dyDescent="0.25">
      <c r="A3260" s="1">
        <v>41895</v>
      </c>
      <c r="B3260" s="2">
        <v>0.15320601851851853</v>
      </c>
      <c r="C3260">
        <v>215.65079999999998</v>
      </c>
      <c r="D3260">
        <v>431.30159999999995</v>
      </c>
    </row>
    <row r="3261" spans="1:4" x14ac:dyDescent="0.25">
      <c r="A3261" s="1">
        <v>41895</v>
      </c>
      <c r="B3261" s="2">
        <v>0.15439814814814815</v>
      </c>
      <c r="C3261">
        <v>215.7174</v>
      </c>
      <c r="D3261">
        <v>431.4348</v>
      </c>
    </row>
    <row r="3262" spans="1:4" x14ac:dyDescent="0.25">
      <c r="A3262" s="1">
        <v>41895</v>
      </c>
      <c r="B3262" s="2">
        <v>0.1555324074074074</v>
      </c>
      <c r="C3262">
        <v>215.78399999999996</v>
      </c>
      <c r="D3262">
        <v>431.56799999999993</v>
      </c>
    </row>
    <row r="3263" spans="1:4" x14ac:dyDescent="0.25">
      <c r="A3263" s="1">
        <v>41895</v>
      </c>
      <c r="B3263" s="2">
        <v>0.15679398148148146</v>
      </c>
      <c r="C3263">
        <v>215.85059999999999</v>
      </c>
      <c r="D3263">
        <v>431.70119999999997</v>
      </c>
    </row>
    <row r="3264" spans="1:4" x14ac:dyDescent="0.25">
      <c r="A3264" s="1">
        <v>41895</v>
      </c>
      <c r="B3264" s="2">
        <v>0.15800925925925927</v>
      </c>
      <c r="C3264">
        <v>215.91719999999998</v>
      </c>
      <c r="D3264">
        <v>431.83439999999996</v>
      </c>
    </row>
    <row r="3265" spans="1:4" x14ac:dyDescent="0.25">
      <c r="A3265" s="1">
        <v>41895</v>
      </c>
      <c r="B3265" s="2">
        <v>0.15934027777777779</v>
      </c>
      <c r="C3265">
        <v>215.9838</v>
      </c>
      <c r="D3265">
        <v>431.9676</v>
      </c>
    </row>
    <row r="3266" spans="1:4" x14ac:dyDescent="0.25">
      <c r="A3266" s="1">
        <v>41895</v>
      </c>
      <c r="B3266" s="2">
        <v>0.16062499999999999</v>
      </c>
      <c r="C3266">
        <v>216.0504</v>
      </c>
      <c r="D3266">
        <v>432.10079999999999</v>
      </c>
    </row>
    <row r="3267" spans="1:4" x14ac:dyDescent="0.25">
      <c r="A3267" s="1">
        <v>41895</v>
      </c>
      <c r="B3267" s="2">
        <v>0.16201388888888887</v>
      </c>
      <c r="C3267">
        <v>216.11699999999996</v>
      </c>
      <c r="D3267">
        <v>432.23399999999992</v>
      </c>
    </row>
    <row r="3268" spans="1:4" x14ac:dyDescent="0.25">
      <c r="A3268" s="1">
        <v>41895</v>
      </c>
      <c r="B3268" s="2">
        <v>0.16335648148148149</v>
      </c>
      <c r="C3268">
        <v>216.18359999999998</v>
      </c>
      <c r="D3268">
        <v>432.36719999999997</v>
      </c>
    </row>
    <row r="3269" spans="1:4" x14ac:dyDescent="0.25">
      <c r="A3269" s="1">
        <v>41895</v>
      </c>
      <c r="B3269" s="2">
        <v>0.16484953703703703</v>
      </c>
      <c r="C3269">
        <v>216.25019999999998</v>
      </c>
      <c r="D3269">
        <v>432.50039999999996</v>
      </c>
    </row>
    <row r="3270" spans="1:4" x14ac:dyDescent="0.25">
      <c r="A3270" s="1">
        <v>41895</v>
      </c>
      <c r="B3270" s="2">
        <v>0.16626157407407408</v>
      </c>
      <c r="C3270">
        <v>216.3168</v>
      </c>
      <c r="D3270">
        <v>432.6336</v>
      </c>
    </row>
    <row r="3271" spans="1:4" x14ac:dyDescent="0.25">
      <c r="A3271" s="1">
        <v>41895</v>
      </c>
      <c r="B3271" s="2">
        <v>0.16778935185185184</v>
      </c>
      <c r="C3271">
        <v>216.38339999999999</v>
      </c>
      <c r="D3271">
        <v>432.76679999999999</v>
      </c>
    </row>
    <row r="3272" spans="1:4" x14ac:dyDescent="0.25">
      <c r="A3272" s="1">
        <v>41895</v>
      </c>
      <c r="B3272" s="2">
        <v>0.16928240740740741</v>
      </c>
      <c r="C3272">
        <v>216.44999999999996</v>
      </c>
      <c r="D3272">
        <v>432.89999999999992</v>
      </c>
    </row>
    <row r="3273" spans="1:4" x14ac:dyDescent="0.25">
      <c r="A3273" s="1">
        <v>41895</v>
      </c>
      <c r="B3273" s="2">
        <v>0.17091435185185186</v>
      </c>
      <c r="C3273">
        <v>216.51659999999998</v>
      </c>
      <c r="D3273">
        <v>433.03319999999997</v>
      </c>
    </row>
    <row r="3274" spans="1:4" x14ac:dyDescent="0.25">
      <c r="A3274" s="1">
        <v>41895</v>
      </c>
      <c r="B3274" s="2">
        <v>0.17248842592592592</v>
      </c>
      <c r="C3274">
        <v>216.58319999999998</v>
      </c>
      <c r="D3274">
        <v>433.16639999999995</v>
      </c>
    </row>
    <row r="3275" spans="1:4" x14ac:dyDescent="0.25">
      <c r="A3275" s="1">
        <v>41895</v>
      </c>
      <c r="B3275" s="2">
        <v>0.17417824074074073</v>
      </c>
      <c r="C3275">
        <v>216.6498</v>
      </c>
      <c r="D3275">
        <v>433.2996</v>
      </c>
    </row>
    <row r="3276" spans="1:4" x14ac:dyDescent="0.25">
      <c r="A3276" s="1">
        <v>41895</v>
      </c>
      <c r="B3276" s="2">
        <v>0.17579861111111109</v>
      </c>
      <c r="C3276">
        <v>216.71639999999999</v>
      </c>
      <c r="D3276">
        <v>433.43279999999999</v>
      </c>
    </row>
    <row r="3277" spans="1:4" x14ac:dyDescent="0.25">
      <c r="A3277" s="1">
        <v>41895</v>
      </c>
      <c r="B3277" s="2">
        <v>0.17755787037037038</v>
      </c>
      <c r="C3277">
        <v>216.78299999999996</v>
      </c>
      <c r="D3277">
        <v>433.56599999999992</v>
      </c>
    </row>
    <row r="3278" spans="1:4" x14ac:dyDescent="0.25">
      <c r="A3278" s="1">
        <v>41895</v>
      </c>
      <c r="B3278" s="2">
        <v>0.17923611111111112</v>
      </c>
      <c r="C3278">
        <v>216.84959999999998</v>
      </c>
      <c r="D3278">
        <v>433.69919999999996</v>
      </c>
    </row>
    <row r="3279" spans="1:4" x14ac:dyDescent="0.25">
      <c r="A3279" s="1">
        <v>41895</v>
      </c>
      <c r="B3279" s="2">
        <v>0.18106481481481482</v>
      </c>
      <c r="C3279">
        <v>216.91619999999998</v>
      </c>
      <c r="D3279">
        <v>433.83239999999995</v>
      </c>
    </row>
    <row r="3280" spans="1:4" x14ac:dyDescent="0.25">
      <c r="A3280" s="1">
        <v>41895</v>
      </c>
      <c r="B3280" s="2">
        <v>0.18281250000000002</v>
      </c>
      <c r="C3280">
        <v>216.9828</v>
      </c>
      <c r="D3280">
        <v>433.96559999999999</v>
      </c>
    </row>
    <row r="3281" spans="1:4" x14ac:dyDescent="0.25">
      <c r="A3281" s="1">
        <v>41895</v>
      </c>
      <c r="B3281" s="2">
        <v>0.18471064814814817</v>
      </c>
      <c r="C3281">
        <v>217.04939999999999</v>
      </c>
      <c r="D3281">
        <v>434.09879999999998</v>
      </c>
    </row>
    <row r="3282" spans="1:4" x14ac:dyDescent="0.25">
      <c r="A3282" s="1">
        <v>41895</v>
      </c>
      <c r="B3282" s="2">
        <v>0.18650462962962963</v>
      </c>
      <c r="C3282">
        <v>217.11599999999996</v>
      </c>
      <c r="D3282">
        <v>434.23199999999991</v>
      </c>
    </row>
    <row r="3283" spans="1:4" x14ac:dyDescent="0.25">
      <c r="A3283" s="1">
        <v>41895</v>
      </c>
      <c r="B3283" s="2">
        <v>0.18844907407407407</v>
      </c>
      <c r="C3283">
        <v>217.18259999999998</v>
      </c>
      <c r="D3283">
        <v>434.36519999999996</v>
      </c>
    </row>
    <row r="3284" spans="1:4" x14ac:dyDescent="0.25">
      <c r="A3284" s="1">
        <v>41895</v>
      </c>
      <c r="B3284" s="2">
        <v>0.19030092592592593</v>
      </c>
      <c r="C3284">
        <v>217.24919999999997</v>
      </c>
      <c r="D3284">
        <v>434.49839999999995</v>
      </c>
    </row>
    <row r="3285" spans="1:4" x14ac:dyDescent="0.25">
      <c r="A3285" s="1">
        <v>41895</v>
      </c>
      <c r="B3285" s="2">
        <v>0.19232638888888889</v>
      </c>
      <c r="C3285">
        <v>217.3158</v>
      </c>
      <c r="D3285">
        <v>434.63159999999999</v>
      </c>
    </row>
    <row r="3286" spans="1:4" x14ac:dyDescent="0.25">
      <c r="A3286" s="1">
        <v>41895</v>
      </c>
      <c r="B3286" s="2">
        <v>0.19427083333333331</v>
      </c>
      <c r="C3286">
        <v>217.38239999999999</v>
      </c>
      <c r="D3286">
        <v>434.76479999999998</v>
      </c>
    </row>
    <row r="3287" spans="1:4" x14ac:dyDescent="0.25">
      <c r="A3287" s="1">
        <v>41895</v>
      </c>
      <c r="B3287" s="2">
        <v>0.19635416666666669</v>
      </c>
      <c r="C3287">
        <v>217.44899999999998</v>
      </c>
      <c r="D3287">
        <v>434.89799999999997</v>
      </c>
    </row>
    <row r="3288" spans="1:4" x14ac:dyDescent="0.25">
      <c r="A3288" s="1">
        <v>41895</v>
      </c>
      <c r="B3288" s="2">
        <v>0.19833333333333333</v>
      </c>
      <c r="C3288">
        <v>217.51559999999998</v>
      </c>
      <c r="D3288">
        <v>435.03119999999996</v>
      </c>
    </row>
    <row r="3289" spans="1:4" x14ac:dyDescent="0.25">
      <c r="A3289" s="1">
        <v>41895</v>
      </c>
      <c r="B3289" s="2">
        <v>0.20047453703703702</v>
      </c>
      <c r="C3289">
        <v>217.58219999999997</v>
      </c>
      <c r="D3289">
        <v>435.16439999999994</v>
      </c>
    </row>
    <row r="3290" spans="1:4" x14ac:dyDescent="0.25">
      <c r="A3290" s="1">
        <v>41895</v>
      </c>
      <c r="B3290" s="2">
        <v>0.20253472222222224</v>
      </c>
      <c r="C3290">
        <v>217.64879999999999</v>
      </c>
      <c r="D3290">
        <v>435.29759999999999</v>
      </c>
    </row>
    <row r="3291" spans="1:4" x14ac:dyDescent="0.25">
      <c r="A3291" s="1">
        <v>41895</v>
      </c>
      <c r="B3291" s="2">
        <v>0.20474537037037036</v>
      </c>
      <c r="C3291">
        <v>217.71539999999999</v>
      </c>
      <c r="D3291">
        <v>435.43079999999998</v>
      </c>
    </row>
    <row r="3292" spans="1:4" x14ac:dyDescent="0.25">
      <c r="A3292" s="1">
        <v>41895</v>
      </c>
      <c r="B3292" s="2">
        <v>0.20688657407407407</v>
      </c>
      <c r="C3292">
        <v>217.78199999999998</v>
      </c>
      <c r="D3292">
        <v>435.56399999999996</v>
      </c>
    </row>
    <row r="3293" spans="1:4" x14ac:dyDescent="0.25">
      <c r="A3293" s="1">
        <v>41895</v>
      </c>
      <c r="B3293" s="2">
        <v>0.20920138888888887</v>
      </c>
      <c r="C3293">
        <v>217.84859999999998</v>
      </c>
      <c r="D3293">
        <v>435.69719999999995</v>
      </c>
    </row>
    <row r="3294" spans="1:4" x14ac:dyDescent="0.25">
      <c r="A3294" s="1">
        <v>41895</v>
      </c>
      <c r="B3294" s="2">
        <v>0.21141203703703704</v>
      </c>
      <c r="C3294">
        <v>217.91519999999997</v>
      </c>
      <c r="D3294">
        <v>435.83039999999994</v>
      </c>
    </row>
    <row r="3295" spans="1:4" x14ac:dyDescent="0.25">
      <c r="A3295" s="1">
        <v>41895</v>
      </c>
      <c r="B3295" s="2">
        <v>0.21380787037037038</v>
      </c>
      <c r="C3295">
        <v>217.98179999999999</v>
      </c>
      <c r="D3295">
        <v>435.96359999999999</v>
      </c>
    </row>
    <row r="3296" spans="1:4" x14ac:dyDescent="0.25">
      <c r="A3296" s="1">
        <v>41895</v>
      </c>
      <c r="B3296" s="2">
        <v>0.21612268518518518</v>
      </c>
      <c r="C3296">
        <v>218.04839999999999</v>
      </c>
      <c r="D3296">
        <v>436.09679999999997</v>
      </c>
    </row>
    <row r="3297" spans="1:4" x14ac:dyDescent="0.25">
      <c r="A3297" s="1">
        <v>41895</v>
      </c>
      <c r="B3297" s="2">
        <v>0.21855324074074076</v>
      </c>
      <c r="C3297">
        <v>218.11499999999998</v>
      </c>
      <c r="D3297">
        <v>436.22999999999996</v>
      </c>
    </row>
    <row r="3298" spans="1:4" x14ac:dyDescent="0.25">
      <c r="A3298" s="1">
        <v>41895</v>
      </c>
      <c r="B3298" s="2">
        <v>0.22092592592592594</v>
      </c>
      <c r="C3298">
        <v>218.18159999999997</v>
      </c>
      <c r="D3298">
        <v>436.36319999999995</v>
      </c>
    </row>
    <row r="3299" spans="1:4" x14ac:dyDescent="0.25">
      <c r="A3299" s="1">
        <v>41895</v>
      </c>
      <c r="B3299" s="2">
        <v>0.22343749999999998</v>
      </c>
      <c r="C3299">
        <v>218.24819999999997</v>
      </c>
      <c r="D3299">
        <v>436.49639999999994</v>
      </c>
    </row>
    <row r="3300" spans="1:4" x14ac:dyDescent="0.25">
      <c r="A3300" s="1">
        <v>41895</v>
      </c>
      <c r="B3300" s="2">
        <v>0.22585648148148149</v>
      </c>
      <c r="C3300">
        <v>218.31479999999999</v>
      </c>
      <c r="D3300">
        <v>436.62959999999998</v>
      </c>
    </row>
    <row r="3301" spans="1:4" x14ac:dyDescent="0.25">
      <c r="A3301" s="1">
        <v>41895</v>
      </c>
      <c r="B3301" s="2">
        <v>0.22843749999999999</v>
      </c>
      <c r="C3301">
        <v>218.38139999999999</v>
      </c>
      <c r="D3301">
        <v>436.76279999999997</v>
      </c>
    </row>
    <row r="3302" spans="1:4" x14ac:dyDescent="0.25">
      <c r="A3302" s="1">
        <v>41895</v>
      </c>
      <c r="B3302" s="2">
        <v>0.23090277777777779</v>
      </c>
      <c r="C3302">
        <v>218.44799999999998</v>
      </c>
      <c r="D3302">
        <v>436.89599999999996</v>
      </c>
    </row>
    <row r="3303" spans="1:4" x14ac:dyDescent="0.25">
      <c r="A3303" s="1">
        <v>41895</v>
      </c>
      <c r="B3303" s="2">
        <v>0.23346064814814815</v>
      </c>
      <c r="C3303">
        <v>218.51459999999997</v>
      </c>
      <c r="D3303">
        <v>437.02919999999995</v>
      </c>
    </row>
    <row r="3304" spans="1:4" x14ac:dyDescent="0.25">
      <c r="A3304" s="1">
        <v>41895</v>
      </c>
      <c r="B3304" s="2">
        <v>0.23592592592592596</v>
      </c>
      <c r="C3304">
        <v>218.5812</v>
      </c>
      <c r="D3304">
        <v>437.16239999999999</v>
      </c>
    </row>
    <row r="3305" spans="1:4" x14ac:dyDescent="0.25">
      <c r="A3305" s="1">
        <v>41895</v>
      </c>
      <c r="B3305" s="2">
        <v>0.23859953703703704</v>
      </c>
      <c r="C3305">
        <v>218.64779999999999</v>
      </c>
      <c r="D3305">
        <v>437.29559999999998</v>
      </c>
    </row>
    <row r="3306" spans="1:4" x14ac:dyDescent="0.25">
      <c r="A3306" s="1">
        <v>41895</v>
      </c>
      <c r="B3306" s="2">
        <v>0.24114583333333331</v>
      </c>
      <c r="C3306">
        <v>218.71439999999998</v>
      </c>
      <c r="D3306">
        <v>437.42879999999997</v>
      </c>
    </row>
    <row r="3307" spans="1:4" x14ac:dyDescent="0.25">
      <c r="A3307" s="1">
        <v>41895</v>
      </c>
      <c r="B3307" s="2">
        <v>0.24387731481481481</v>
      </c>
      <c r="C3307">
        <v>218.78099999999998</v>
      </c>
      <c r="D3307">
        <v>437.56199999999995</v>
      </c>
    </row>
    <row r="3308" spans="1:4" x14ac:dyDescent="0.25">
      <c r="A3308" s="1">
        <v>41895</v>
      </c>
      <c r="B3308" s="2">
        <v>0.24645833333333333</v>
      </c>
      <c r="C3308">
        <v>218.84759999999997</v>
      </c>
      <c r="D3308">
        <v>437.69519999999994</v>
      </c>
    </row>
    <row r="3309" spans="1:4" x14ac:dyDescent="0.25">
      <c r="A3309" s="1">
        <v>41895</v>
      </c>
      <c r="B3309" s="2">
        <v>0.24918981481481484</v>
      </c>
      <c r="C3309">
        <v>218.91419999999999</v>
      </c>
      <c r="D3309">
        <v>437.82839999999999</v>
      </c>
    </row>
    <row r="3310" spans="1:4" x14ac:dyDescent="0.25">
      <c r="A3310" s="1">
        <v>41895</v>
      </c>
      <c r="B3310" s="2">
        <v>0.25177083333333333</v>
      </c>
      <c r="C3310">
        <v>218.98079999999999</v>
      </c>
      <c r="D3310">
        <v>437.96159999999998</v>
      </c>
    </row>
    <row r="3311" spans="1:4" x14ac:dyDescent="0.25">
      <c r="A3311" s="1">
        <v>41895</v>
      </c>
      <c r="B3311" s="2">
        <v>0.25452546296296297</v>
      </c>
      <c r="C3311">
        <v>219.04739999999998</v>
      </c>
      <c r="D3311">
        <v>438.09479999999996</v>
      </c>
    </row>
    <row r="3312" spans="1:4" x14ac:dyDescent="0.25">
      <c r="A3312" s="1">
        <v>41895</v>
      </c>
      <c r="B3312" s="2">
        <v>0.25707175925925924</v>
      </c>
      <c r="C3312">
        <v>219.11399999999998</v>
      </c>
      <c r="D3312">
        <v>438.22799999999995</v>
      </c>
    </row>
    <row r="3313" spans="1:4" x14ac:dyDescent="0.25">
      <c r="A3313" s="1">
        <v>41895</v>
      </c>
      <c r="B3313" s="2">
        <v>0.25980324074074074</v>
      </c>
      <c r="C3313">
        <v>219.18059999999997</v>
      </c>
      <c r="D3313">
        <v>438.36119999999994</v>
      </c>
    </row>
    <row r="3314" spans="1:4" x14ac:dyDescent="0.25">
      <c r="A3314" s="1">
        <v>41895</v>
      </c>
      <c r="B3314" s="2">
        <v>0.26231481481481483</v>
      </c>
      <c r="C3314">
        <v>219.24719999999999</v>
      </c>
      <c r="D3314">
        <v>438.49439999999998</v>
      </c>
    </row>
    <row r="3315" spans="1:4" x14ac:dyDescent="0.25">
      <c r="A3315" s="1">
        <v>41895</v>
      </c>
      <c r="B3315" s="2">
        <v>0.26500000000000001</v>
      </c>
      <c r="C3315">
        <v>219.31379999999999</v>
      </c>
      <c r="D3315">
        <v>438.62759999999997</v>
      </c>
    </row>
    <row r="3316" spans="1:4" x14ac:dyDescent="0.25">
      <c r="A3316" s="1">
        <v>41895</v>
      </c>
      <c r="B3316" s="2">
        <v>0.26751157407407405</v>
      </c>
      <c r="C3316">
        <v>219.38039999999998</v>
      </c>
      <c r="D3316">
        <v>438.76079999999996</v>
      </c>
    </row>
    <row r="3317" spans="1:4" x14ac:dyDescent="0.25">
      <c r="A3317" s="1">
        <v>41895</v>
      </c>
      <c r="B3317" s="2">
        <v>0.27018518518518519</v>
      </c>
      <c r="C3317">
        <v>219.44699999999997</v>
      </c>
      <c r="D3317">
        <v>438.89399999999995</v>
      </c>
    </row>
    <row r="3318" spans="1:4" x14ac:dyDescent="0.25">
      <c r="A3318" s="1">
        <v>41895</v>
      </c>
      <c r="B3318" s="2">
        <v>0.27269675925925924</v>
      </c>
      <c r="C3318">
        <v>219.51359999999997</v>
      </c>
      <c r="D3318">
        <v>439.02719999999994</v>
      </c>
    </row>
    <row r="3319" spans="1:4" x14ac:dyDescent="0.25">
      <c r="A3319" s="1">
        <v>41895</v>
      </c>
      <c r="B3319" s="2">
        <v>0.27542824074074074</v>
      </c>
      <c r="C3319">
        <v>219.58019999999999</v>
      </c>
      <c r="D3319">
        <v>439.16039999999998</v>
      </c>
    </row>
    <row r="3320" spans="1:4" x14ac:dyDescent="0.25">
      <c r="A3320" s="1">
        <v>41895</v>
      </c>
      <c r="B3320" s="2">
        <v>0.27797453703703706</v>
      </c>
      <c r="C3320">
        <v>219.64679999999998</v>
      </c>
      <c r="D3320">
        <v>439.29359999999997</v>
      </c>
    </row>
    <row r="3321" spans="1:4" x14ac:dyDescent="0.25">
      <c r="A3321" s="1">
        <v>41895</v>
      </c>
      <c r="B3321" s="2">
        <v>0.28072916666666664</v>
      </c>
      <c r="C3321">
        <v>219.71340000000001</v>
      </c>
      <c r="D3321">
        <v>439.42680000000001</v>
      </c>
    </row>
    <row r="3322" spans="1:4" x14ac:dyDescent="0.25">
      <c r="A3322" s="1">
        <v>41895</v>
      </c>
      <c r="B3322" s="2">
        <v>0.28332175925925923</v>
      </c>
      <c r="C3322">
        <v>219.77999999999997</v>
      </c>
      <c r="D3322">
        <v>439.55999999999995</v>
      </c>
    </row>
    <row r="3323" spans="1:4" x14ac:dyDescent="0.25">
      <c r="A3323" s="1">
        <v>41895</v>
      </c>
      <c r="B3323" s="2">
        <v>0.28612268518518519</v>
      </c>
      <c r="C3323">
        <v>219.84659999999997</v>
      </c>
      <c r="D3323">
        <v>439.69319999999993</v>
      </c>
    </row>
    <row r="3324" spans="1:4" x14ac:dyDescent="0.25">
      <c r="A3324" s="1">
        <v>41895</v>
      </c>
      <c r="B3324" s="2">
        <v>0.28878472222222223</v>
      </c>
      <c r="C3324">
        <v>219.91319999999999</v>
      </c>
      <c r="D3324">
        <v>439.82639999999998</v>
      </c>
    </row>
    <row r="3325" spans="1:4" x14ac:dyDescent="0.25">
      <c r="A3325" s="1">
        <v>41895</v>
      </c>
      <c r="B3325" s="2">
        <v>0.29163194444444446</v>
      </c>
      <c r="C3325">
        <v>219.97979999999998</v>
      </c>
      <c r="D3325">
        <v>439.95959999999997</v>
      </c>
    </row>
    <row r="3326" spans="1:4" x14ac:dyDescent="0.25">
      <c r="A3326" s="1">
        <v>41895</v>
      </c>
      <c r="B3326" s="2">
        <v>0.29435185185185186</v>
      </c>
      <c r="C3326">
        <v>220.04640000000001</v>
      </c>
      <c r="D3326">
        <v>440.09280000000001</v>
      </c>
    </row>
    <row r="3327" spans="1:4" x14ac:dyDescent="0.25">
      <c r="A3327" s="1">
        <v>41895</v>
      </c>
      <c r="B3327" s="2">
        <v>0.29728009259259258</v>
      </c>
      <c r="C3327">
        <v>220.11299999999997</v>
      </c>
      <c r="D3327">
        <v>440.22599999999994</v>
      </c>
    </row>
    <row r="3328" spans="1:4" x14ac:dyDescent="0.25">
      <c r="A3328" s="1">
        <v>41895</v>
      </c>
      <c r="B3328" s="2">
        <v>0.30005787037037041</v>
      </c>
      <c r="C3328">
        <v>220.17959999999997</v>
      </c>
      <c r="D3328">
        <v>440.35919999999993</v>
      </c>
    </row>
    <row r="3329" spans="1:4" x14ac:dyDescent="0.25">
      <c r="A3329" s="1">
        <v>41895</v>
      </c>
      <c r="B3329" s="2">
        <v>0.30288194444444444</v>
      </c>
      <c r="C3329">
        <v>220.24619999999999</v>
      </c>
      <c r="D3329">
        <v>440.49239999999998</v>
      </c>
    </row>
    <row r="3330" spans="1:4" x14ac:dyDescent="0.25">
      <c r="A3330" s="1">
        <v>41895</v>
      </c>
      <c r="B3330" s="2">
        <v>0.30550925925925926</v>
      </c>
      <c r="C3330">
        <v>220.31279999999998</v>
      </c>
      <c r="D3330">
        <v>440.62559999999996</v>
      </c>
    </row>
    <row r="3331" spans="1:4" x14ac:dyDescent="0.25">
      <c r="A3331" s="1">
        <v>41895</v>
      </c>
      <c r="B3331" s="2">
        <v>0.30828703703703703</v>
      </c>
      <c r="C3331">
        <v>220.3794</v>
      </c>
      <c r="D3331">
        <v>440.75880000000001</v>
      </c>
    </row>
    <row r="3332" spans="1:4" x14ac:dyDescent="0.25">
      <c r="A3332" s="1">
        <v>41895</v>
      </c>
      <c r="B3332" s="2">
        <v>0.31099537037037034</v>
      </c>
      <c r="C3332">
        <v>220.44599999999997</v>
      </c>
      <c r="D3332">
        <v>440.89199999999994</v>
      </c>
    </row>
    <row r="3333" spans="1:4" x14ac:dyDescent="0.25">
      <c r="A3333" s="1">
        <v>41895</v>
      </c>
      <c r="B3333" s="2">
        <v>0.31388888888888888</v>
      </c>
      <c r="C3333">
        <v>220.51259999999996</v>
      </c>
      <c r="D3333">
        <v>441.02519999999993</v>
      </c>
    </row>
    <row r="3334" spans="1:4" x14ac:dyDescent="0.25">
      <c r="A3334" s="1">
        <v>41895</v>
      </c>
      <c r="B3334" s="2">
        <v>0.31664351851851852</v>
      </c>
      <c r="C3334">
        <v>220.57919999999999</v>
      </c>
      <c r="D3334">
        <v>441.15839999999997</v>
      </c>
    </row>
    <row r="3335" spans="1:4" x14ac:dyDescent="0.25">
      <c r="A3335" s="1">
        <v>41895</v>
      </c>
      <c r="B3335" s="2">
        <v>0.31957175925925924</v>
      </c>
      <c r="C3335">
        <v>220.64579999999998</v>
      </c>
      <c r="D3335">
        <v>441.29159999999996</v>
      </c>
    </row>
    <row r="3336" spans="1:4" x14ac:dyDescent="0.25">
      <c r="A3336" s="1">
        <v>41895</v>
      </c>
      <c r="B3336" s="2">
        <v>0.322349537037037</v>
      </c>
      <c r="C3336">
        <v>220.7124</v>
      </c>
      <c r="D3336">
        <v>441.4248</v>
      </c>
    </row>
    <row r="3337" spans="1:4" x14ac:dyDescent="0.25">
      <c r="A3337" s="1">
        <v>41895</v>
      </c>
      <c r="B3337" s="2">
        <v>0.32530092592592591</v>
      </c>
      <c r="C3337">
        <v>220.77899999999997</v>
      </c>
      <c r="D3337">
        <v>441.55799999999994</v>
      </c>
    </row>
    <row r="3338" spans="1:4" x14ac:dyDescent="0.25">
      <c r="A3338" s="1">
        <v>41895</v>
      </c>
      <c r="B3338" s="2">
        <v>0.32804398148148145</v>
      </c>
      <c r="C3338">
        <v>220.84559999999999</v>
      </c>
      <c r="D3338">
        <v>441.69119999999998</v>
      </c>
    </row>
    <row r="3339" spans="1:4" x14ac:dyDescent="0.25">
      <c r="A3339" s="1">
        <v>41895</v>
      </c>
      <c r="B3339" s="2">
        <v>0.33096064814814813</v>
      </c>
      <c r="C3339">
        <v>220.91219999999998</v>
      </c>
      <c r="D3339">
        <v>441.82439999999997</v>
      </c>
    </row>
    <row r="3340" spans="1:4" x14ac:dyDescent="0.25">
      <c r="A3340" s="1">
        <v>41895</v>
      </c>
      <c r="B3340" s="2">
        <v>0.33368055555555554</v>
      </c>
      <c r="C3340">
        <v>220.97879999999998</v>
      </c>
      <c r="D3340">
        <v>441.95759999999996</v>
      </c>
    </row>
    <row r="3341" spans="1:4" x14ac:dyDescent="0.25">
      <c r="A3341" s="1">
        <v>41895</v>
      </c>
      <c r="B3341" s="2">
        <v>0.33656250000000004</v>
      </c>
      <c r="C3341">
        <v>221.0454</v>
      </c>
      <c r="D3341">
        <v>442.0908</v>
      </c>
    </row>
    <row r="3342" spans="1:4" x14ac:dyDescent="0.25">
      <c r="A3342" s="1">
        <v>41895</v>
      </c>
      <c r="B3342" s="2">
        <v>0.33924768518518517</v>
      </c>
      <c r="C3342">
        <v>221.11199999999997</v>
      </c>
      <c r="D3342">
        <v>442.22399999999993</v>
      </c>
    </row>
    <row r="3343" spans="1:4" x14ac:dyDescent="0.25">
      <c r="A3343" s="1">
        <v>41895</v>
      </c>
      <c r="B3343" s="2">
        <v>0.34206018518518522</v>
      </c>
      <c r="C3343">
        <v>221.17859999999999</v>
      </c>
      <c r="D3343">
        <v>442.35719999999998</v>
      </c>
    </row>
    <row r="3344" spans="1:4" x14ac:dyDescent="0.25">
      <c r="A3344" s="1">
        <v>41895</v>
      </c>
      <c r="B3344" s="2">
        <v>0.34472222222222221</v>
      </c>
      <c r="C3344">
        <v>221.24519999999998</v>
      </c>
      <c r="D3344">
        <v>442.49039999999997</v>
      </c>
    </row>
    <row r="3345" spans="1:4" x14ac:dyDescent="0.25">
      <c r="A3345" s="1">
        <v>41895</v>
      </c>
      <c r="B3345" s="2">
        <v>0.34760416666666666</v>
      </c>
      <c r="C3345">
        <v>221.31179999999998</v>
      </c>
      <c r="D3345">
        <v>442.62359999999995</v>
      </c>
    </row>
    <row r="3346" spans="1:4" x14ac:dyDescent="0.25">
      <c r="A3346" s="1">
        <v>41895</v>
      </c>
      <c r="B3346" s="2">
        <v>0.35028935185185189</v>
      </c>
      <c r="C3346">
        <v>221.3784</v>
      </c>
      <c r="D3346">
        <v>442.7568</v>
      </c>
    </row>
    <row r="3347" spans="1:4" x14ac:dyDescent="0.25">
      <c r="A3347" s="1">
        <v>41895</v>
      </c>
      <c r="B3347" s="2">
        <v>0.35318287037037038</v>
      </c>
      <c r="C3347">
        <v>221.44499999999996</v>
      </c>
      <c r="D3347">
        <v>442.88999999999993</v>
      </c>
    </row>
    <row r="3348" spans="1:4" x14ac:dyDescent="0.25">
      <c r="A3348" s="1">
        <v>41895</v>
      </c>
      <c r="B3348" s="2">
        <v>0.35590277777777773</v>
      </c>
      <c r="C3348">
        <v>221.51159999999999</v>
      </c>
      <c r="D3348">
        <v>443.02319999999997</v>
      </c>
    </row>
    <row r="3349" spans="1:4" x14ac:dyDescent="0.25">
      <c r="A3349" s="1">
        <v>41895</v>
      </c>
      <c r="B3349" s="2">
        <v>0.35881944444444441</v>
      </c>
      <c r="C3349">
        <v>221.57819999999998</v>
      </c>
      <c r="D3349">
        <v>443.15639999999996</v>
      </c>
    </row>
    <row r="3350" spans="1:4" x14ac:dyDescent="0.25">
      <c r="A3350" s="1">
        <v>41895</v>
      </c>
      <c r="B3350" s="2">
        <v>0.36159722222222218</v>
      </c>
      <c r="C3350">
        <v>221.64479999999998</v>
      </c>
      <c r="D3350">
        <v>443.28959999999995</v>
      </c>
    </row>
    <row r="3351" spans="1:4" x14ac:dyDescent="0.25">
      <c r="A3351" s="1">
        <v>41895</v>
      </c>
      <c r="B3351" s="2">
        <v>0.36458333333333331</v>
      </c>
      <c r="C3351">
        <v>221.7114</v>
      </c>
      <c r="D3351">
        <v>443.4228</v>
      </c>
    </row>
    <row r="3352" spans="1:4" x14ac:dyDescent="0.25">
      <c r="A3352" s="1">
        <v>41895</v>
      </c>
      <c r="B3352" s="2">
        <v>0.3674189814814815</v>
      </c>
      <c r="C3352">
        <v>221.77799999999996</v>
      </c>
      <c r="D3352">
        <v>443.55599999999993</v>
      </c>
    </row>
    <row r="3353" spans="1:4" x14ac:dyDescent="0.25">
      <c r="A3353" s="1">
        <v>41895</v>
      </c>
      <c r="B3353" s="2">
        <v>0.3705092592592592</v>
      </c>
      <c r="C3353">
        <v>221.84459999999999</v>
      </c>
      <c r="D3353">
        <v>443.68919999999997</v>
      </c>
    </row>
    <row r="3354" spans="1:4" x14ac:dyDescent="0.25">
      <c r="A3354" s="1">
        <v>41895</v>
      </c>
      <c r="B3354" s="2">
        <v>0.37342592592592588</v>
      </c>
      <c r="C3354">
        <v>221.91119999999998</v>
      </c>
      <c r="D3354">
        <v>443.82239999999996</v>
      </c>
    </row>
    <row r="3355" spans="1:4" x14ac:dyDescent="0.25">
      <c r="A3355" s="1">
        <v>41895</v>
      </c>
      <c r="B3355" s="2">
        <v>0.37658564814814816</v>
      </c>
      <c r="C3355">
        <v>221.9778</v>
      </c>
      <c r="D3355">
        <v>443.9556</v>
      </c>
    </row>
    <row r="3356" spans="1:4" x14ac:dyDescent="0.25">
      <c r="A3356" s="1">
        <v>41895</v>
      </c>
      <c r="B3356" s="2">
        <v>0.37961805555555556</v>
      </c>
      <c r="C3356">
        <v>222.0444</v>
      </c>
      <c r="D3356">
        <v>444.08879999999999</v>
      </c>
    </row>
    <row r="3357" spans="1:4" x14ac:dyDescent="0.25">
      <c r="A3357" s="1">
        <v>41895</v>
      </c>
      <c r="B3357" s="2">
        <v>0.38292824074074078</v>
      </c>
      <c r="C3357">
        <v>222.11099999999996</v>
      </c>
      <c r="D3357">
        <v>444.22199999999992</v>
      </c>
    </row>
    <row r="3358" spans="1:4" x14ac:dyDescent="0.25">
      <c r="A3358" s="1">
        <v>41895</v>
      </c>
      <c r="B3358" s="2">
        <v>0.3860763888888889</v>
      </c>
      <c r="C3358">
        <v>222.17759999999998</v>
      </c>
      <c r="D3358">
        <v>444.35519999999997</v>
      </c>
    </row>
    <row r="3359" spans="1:4" x14ac:dyDescent="0.25">
      <c r="A3359" s="1">
        <v>41895</v>
      </c>
      <c r="B3359" s="2">
        <v>0.38949074074074069</v>
      </c>
      <c r="C3359">
        <v>222.24419999999998</v>
      </c>
      <c r="D3359">
        <v>444.48839999999996</v>
      </c>
    </row>
    <row r="3360" spans="1:4" x14ac:dyDescent="0.25">
      <c r="A3360" s="1">
        <v>41895</v>
      </c>
      <c r="B3360" s="2">
        <v>0.39274305555555555</v>
      </c>
      <c r="C3360">
        <v>222.3108</v>
      </c>
      <c r="D3360">
        <v>444.6216</v>
      </c>
    </row>
    <row r="3361" spans="1:4" x14ac:dyDescent="0.25">
      <c r="A3361" s="1">
        <v>41895</v>
      </c>
      <c r="B3361" s="2">
        <v>0.39626157407407409</v>
      </c>
      <c r="C3361">
        <v>222.37739999999999</v>
      </c>
      <c r="D3361">
        <v>444.75479999999999</v>
      </c>
    </row>
    <row r="3362" spans="1:4" x14ac:dyDescent="0.25">
      <c r="A3362" s="1">
        <v>41895</v>
      </c>
      <c r="B3362" s="2">
        <v>0.39964120370370365</v>
      </c>
      <c r="C3362">
        <v>222.44399999999996</v>
      </c>
      <c r="D3362">
        <v>444.88799999999992</v>
      </c>
    </row>
    <row r="3363" spans="1:4" x14ac:dyDescent="0.25">
      <c r="A3363" s="1">
        <v>41895</v>
      </c>
      <c r="B3363" s="2">
        <v>0.4033680555555556</v>
      </c>
      <c r="C3363">
        <v>222.51059999999998</v>
      </c>
      <c r="D3363">
        <v>445.02119999999996</v>
      </c>
    </row>
    <row r="3364" spans="1:4" x14ac:dyDescent="0.25">
      <c r="A3364" s="1">
        <v>41895</v>
      </c>
      <c r="B3364" s="2">
        <v>0.40690972222222221</v>
      </c>
      <c r="C3364">
        <v>222.57719999999998</v>
      </c>
      <c r="D3364">
        <v>445.15439999999995</v>
      </c>
    </row>
    <row r="3365" spans="1:4" x14ac:dyDescent="0.25">
      <c r="A3365" s="1">
        <v>41895</v>
      </c>
      <c r="B3365" s="2">
        <v>0.41077546296296297</v>
      </c>
      <c r="C3365">
        <v>222.6438</v>
      </c>
      <c r="D3365">
        <v>445.2876</v>
      </c>
    </row>
    <row r="3366" spans="1:4" x14ac:dyDescent="0.25">
      <c r="A3366" s="1">
        <v>41895</v>
      </c>
      <c r="B3366" s="2">
        <v>0.41449074074074077</v>
      </c>
      <c r="C3366">
        <v>222.71039999999999</v>
      </c>
      <c r="D3366">
        <v>445.42079999999999</v>
      </c>
    </row>
    <row r="3367" spans="1:4" x14ac:dyDescent="0.25">
      <c r="A3367" s="1">
        <v>41895</v>
      </c>
      <c r="B3367" s="2">
        <v>0.41856481481481483</v>
      </c>
      <c r="C3367">
        <v>222.77699999999996</v>
      </c>
      <c r="D3367">
        <v>445.55399999999992</v>
      </c>
    </row>
    <row r="3368" spans="1:4" x14ac:dyDescent="0.25">
      <c r="A3368" s="1">
        <v>41895</v>
      </c>
      <c r="B3368" s="2">
        <v>0.42247685185185185</v>
      </c>
      <c r="C3368">
        <v>222.84359999999998</v>
      </c>
      <c r="D3368">
        <v>445.68719999999996</v>
      </c>
    </row>
    <row r="3369" spans="1:4" x14ac:dyDescent="0.25">
      <c r="A3369" s="1">
        <v>41895</v>
      </c>
      <c r="B3369" s="2">
        <v>0.42673611111111115</v>
      </c>
      <c r="C3369">
        <v>222.91019999999997</v>
      </c>
      <c r="D3369">
        <v>445.82039999999995</v>
      </c>
    </row>
    <row r="3370" spans="1:4" x14ac:dyDescent="0.25">
      <c r="A3370" s="1">
        <v>41895</v>
      </c>
      <c r="B3370" s="2">
        <v>0.43085648148148148</v>
      </c>
      <c r="C3370">
        <v>222.9768</v>
      </c>
      <c r="D3370">
        <v>445.95359999999999</v>
      </c>
    </row>
    <row r="3371" spans="1:4" x14ac:dyDescent="0.25">
      <c r="A3371" s="1">
        <v>41895</v>
      </c>
      <c r="B3371" s="2">
        <v>0.43535879629629631</v>
      </c>
      <c r="C3371">
        <v>223.04339999999999</v>
      </c>
      <c r="D3371">
        <v>446.08679999999998</v>
      </c>
    </row>
    <row r="3372" spans="1:4" x14ac:dyDescent="0.25">
      <c r="A3372" s="1">
        <v>41895</v>
      </c>
      <c r="B3372" s="2">
        <v>0.43971064814814814</v>
      </c>
      <c r="C3372">
        <v>223.10999999999996</v>
      </c>
      <c r="D3372">
        <v>446.21999999999991</v>
      </c>
    </row>
    <row r="3373" spans="1:4" x14ac:dyDescent="0.25">
      <c r="A3373" s="1">
        <v>41895</v>
      </c>
      <c r="B3373" s="2">
        <v>0.44450231481481484</v>
      </c>
      <c r="C3373">
        <v>223.17659999999998</v>
      </c>
      <c r="D3373">
        <v>446.35319999999996</v>
      </c>
    </row>
    <row r="3374" spans="1:4" x14ac:dyDescent="0.25">
      <c r="A3374" s="1">
        <v>41895</v>
      </c>
      <c r="B3374" s="2">
        <v>0.44906249999999998</v>
      </c>
      <c r="C3374">
        <v>223.24319999999997</v>
      </c>
      <c r="D3374">
        <v>446.48639999999995</v>
      </c>
    </row>
    <row r="3375" spans="1:4" x14ac:dyDescent="0.25">
      <c r="A3375" s="1">
        <v>41895</v>
      </c>
      <c r="B3375" s="2">
        <v>0.45414351851851853</v>
      </c>
      <c r="C3375">
        <v>223.3098</v>
      </c>
      <c r="D3375">
        <v>446.61959999999999</v>
      </c>
    </row>
    <row r="3376" spans="1:4" x14ac:dyDescent="0.25">
      <c r="A3376" s="1">
        <v>41895</v>
      </c>
      <c r="B3376" s="2">
        <v>0.45898148148148149</v>
      </c>
      <c r="C3376">
        <v>223.37639999999999</v>
      </c>
      <c r="D3376">
        <v>446.75279999999998</v>
      </c>
    </row>
    <row r="3377" spans="1:4" x14ac:dyDescent="0.25">
      <c r="A3377" s="1">
        <v>41895</v>
      </c>
      <c r="B3377" s="2">
        <v>0.46430555555555553</v>
      </c>
      <c r="C3377">
        <v>223.44299999999998</v>
      </c>
      <c r="D3377">
        <v>446.88599999999997</v>
      </c>
    </row>
    <row r="3378" spans="1:4" x14ac:dyDescent="0.25">
      <c r="A3378" s="1">
        <v>41895</v>
      </c>
      <c r="B3378" s="2">
        <v>0.46942129629629631</v>
      </c>
      <c r="C3378">
        <v>223.50959999999998</v>
      </c>
      <c r="D3378">
        <v>447.01919999999996</v>
      </c>
    </row>
    <row r="3379" spans="1:4" x14ac:dyDescent="0.25">
      <c r="A3379" s="1">
        <v>41895</v>
      </c>
      <c r="B3379" s="2">
        <v>0.47511574074074076</v>
      </c>
      <c r="C3379">
        <v>223.57619999999997</v>
      </c>
      <c r="D3379">
        <v>447.15239999999994</v>
      </c>
    </row>
    <row r="3380" spans="1:4" x14ac:dyDescent="0.25">
      <c r="A3380" s="1">
        <v>41895</v>
      </c>
      <c r="B3380" s="2">
        <v>0.48055555555555557</v>
      </c>
      <c r="C3380">
        <v>223.64279999999999</v>
      </c>
      <c r="D3380">
        <v>447.28559999999999</v>
      </c>
    </row>
    <row r="3381" spans="1:4" x14ac:dyDescent="0.25">
      <c r="A3381" s="1">
        <v>41895</v>
      </c>
      <c r="B3381" s="2">
        <v>0.48657407407407405</v>
      </c>
      <c r="C3381">
        <v>223.70939999999999</v>
      </c>
      <c r="D3381">
        <v>447.41879999999998</v>
      </c>
    </row>
    <row r="3382" spans="1:4" x14ac:dyDescent="0.25">
      <c r="A3382" s="1">
        <v>41895</v>
      </c>
      <c r="B3382" s="2">
        <v>0.49233796296296295</v>
      </c>
      <c r="C3382">
        <v>223.77599999999998</v>
      </c>
      <c r="D3382">
        <v>447.55199999999996</v>
      </c>
    </row>
    <row r="3383" spans="1:4" x14ac:dyDescent="0.25">
      <c r="A3383" s="1">
        <v>41895</v>
      </c>
      <c r="B3383" s="2">
        <v>0.4987847222222222</v>
      </c>
      <c r="C3383">
        <v>223.84259999999998</v>
      </c>
      <c r="D3383">
        <v>447.68519999999995</v>
      </c>
    </row>
    <row r="3384" spans="1:4" x14ac:dyDescent="0.25">
      <c r="A3384" s="1">
        <v>41895</v>
      </c>
      <c r="B3384" s="2">
        <v>0.50488425925925928</v>
      </c>
      <c r="C3384">
        <v>223.90919999999997</v>
      </c>
      <c r="D3384">
        <v>447.81839999999994</v>
      </c>
    </row>
    <row r="3385" spans="1:4" x14ac:dyDescent="0.25">
      <c r="A3385" s="1">
        <v>41895</v>
      </c>
      <c r="B3385" s="2">
        <v>0.51167824074074075</v>
      </c>
      <c r="C3385">
        <v>223.97579999999999</v>
      </c>
      <c r="D3385">
        <v>447.95159999999998</v>
      </c>
    </row>
    <row r="3386" spans="1:4" x14ac:dyDescent="0.25">
      <c r="A3386" s="1">
        <v>41895</v>
      </c>
      <c r="B3386" s="2">
        <v>0.51814814814814814</v>
      </c>
      <c r="C3386">
        <v>224.04239999999999</v>
      </c>
      <c r="D3386">
        <v>448.08479999999997</v>
      </c>
    </row>
    <row r="3387" spans="1:4" x14ac:dyDescent="0.25">
      <c r="A3387" s="1">
        <v>41895</v>
      </c>
      <c r="B3387" s="2">
        <v>0.52533564814814815</v>
      </c>
      <c r="C3387">
        <v>224.10899999999998</v>
      </c>
      <c r="D3387">
        <v>448.21799999999996</v>
      </c>
    </row>
    <row r="3388" spans="1:4" x14ac:dyDescent="0.25">
      <c r="A3388" s="1">
        <v>41895</v>
      </c>
      <c r="B3388" s="2">
        <v>0.53222222222222226</v>
      </c>
      <c r="C3388">
        <v>224.17559999999997</v>
      </c>
      <c r="D3388">
        <v>448.35119999999995</v>
      </c>
    </row>
    <row r="3389" spans="1:4" x14ac:dyDescent="0.25">
      <c r="A3389" s="1">
        <v>41895</v>
      </c>
      <c r="B3389" s="2">
        <v>0.53975694444444444</v>
      </c>
      <c r="C3389">
        <v>224.24219999999997</v>
      </c>
      <c r="D3389">
        <v>448.48439999999994</v>
      </c>
    </row>
    <row r="3390" spans="1:4" x14ac:dyDescent="0.25">
      <c r="A3390" s="1">
        <v>41895</v>
      </c>
      <c r="B3390" s="2">
        <v>0.54689814814814819</v>
      </c>
      <c r="C3390">
        <v>224.30879999999999</v>
      </c>
      <c r="D3390">
        <v>448.61759999999998</v>
      </c>
    </row>
    <row r="3391" spans="1:4" x14ac:dyDescent="0.25">
      <c r="A3391" s="1">
        <v>41895</v>
      </c>
      <c r="B3391" s="2">
        <v>0.55481481481481476</v>
      </c>
      <c r="C3391">
        <v>224.37539999999998</v>
      </c>
      <c r="D3391">
        <v>448.75079999999997</v>
      </c>
    </row>
    <row r="3392" spans="1:4" x14ac:dyDescent="0.25">
      <c r="A3392" s="1">
        <v>41895</v>
      </c>
      <c r="B3392" s="2">
        <v>0.56244212962962969</v>
      </c>
      <c r="C3392">
        <v>224.44199999999998</v>
      </c>
      <c r="D3392">
        <v>448.88399999999996</v>
      </c>
    </row>
    <row r="3393" spans="1:4" x14ac:dyDescent="0.25">
      <c r="A3393" s="1">
        <v>41895</v>
      </c>
      <c r="B3393" s="2">
        <v>0.57079861111111108</v>
      </c>
      <c r="C3393">
        <v>224.50859999999997</v>
      </c>
      <c r="D3393">
        <v>449.01719999999995</v>
      </c>
    </row>
    <row r="3394" spans="1:4" x14ac:dyDescent="0.25">
      <c r="A3394" s="1">
        <v>41895</v>
      </c>
      <c r="B3394" s="2">
        <v>0.57906250000000004</v>
      </c>
      <c r="C3394">
        <v>224.5752</v>
      </c>
      <c r="D3394">
        <v>449.15039999999999</v>
      </c>
    </row>
    <row r="3395" spans="1:4" x14ac:dyDescent="0.25">
      <c r="A3395" s="1">
        <v>41895</v>
      </c>
      <c r="B3395" s="2">
        <v>0.58810185185185182</v>
      </c>
      <c r="C3395">
        <v>224.64179999999999</v>
      </c>
      <c r="D3395">
        <v>449.28359999999998</v>
      </c>
    </row>
    <row r="3396" spans="1:4" x14ac:dyDescent="0.25">
      <c r="A3396" s="1">
        <v>41895</v>
      </c>
      <c r="B3396" s="2">
        <v>0.59681712962962963</v>
      </c>
      <c r="C3396">
        <v>224.70839999999998</v>
      </c>
      <c r="D3396">
        <v>449.41679999999997</v>
      </c>
    </row>
    <row r="3397" spans="1:4" x14ac:dyDescent="0.25">
      <c r="A3397" s="1">
        <v>41895</v>
      </c>
      <c r="B3397" s="2">
        <v>0.60645833333333332</v>
      </c>
      <c r="C3397">
        <v>224.77499999999998</v>
      </c>
      <c r="D3397">
        <v>449.54999999999995</v>
      </c>
    </row>
    <row r="3398" spans="1:4" x14ac:dyDescent="0.25">
      <c r="A3398" s="1">
        <v>41895</v>
      </c>
      <c r="B3398" s="2">
        <v>0.61557870370370371</v>
      </c>
      <c r="C3398">
        <v>224.84159999999997</v>
      </c>
      <c r="D3398">
        <v>449.68319999999994</v>
      </c>
    </row>
    <row r="3399" spans="1:4" x14ac:dyDescent="0.25">
      <c r="A3399" s="1">
        <v>41895</v>
      </c>
      <c r="B3399" s="2">
        <v>0.62548611111111108</v>
      </c>
      <c r="C3399">
        <v>224.90819999999999</v>
      </c>
      <c r="D3399">
        <v>449.81639999999999</v>
      </c>
    </row>
    <row r="3400" spans="1:4" x14ac:dyDescent="0.25">
      <c r="A3400" s="1">
        <v>41895</v>
      </c>
      <c r="B3400" s="2">
        <v>0.63505787037037031</v>
      </c>
      <c r="C3400">
        <v>224.97479999999999</v>
      </c>
      <c r="D3400">
        <v>449.94959999999998</v>
      </c>
    </row>
    <row r="3401" spans="1:4" x14ac:dyDescent="0.25">
      <c r="A3401" s="1">
        <v>41895</v>
      </c>
      <c r="B3401" s="2">
        <v>0.64545138888888887</v>
      </c>
      <c r="C3401">
        <v>225.04139999999998</v>
      </c>
      <c r="D3401">
        <v>450.08279999999996</v>
      </c>
    </row>
    <row r="3402" spans="1:4" x14ac:dyDescent="0.25">
      <c r="A3402" s="1">
        <v>41895</v>
      </c>
      <c r="B3402" s="2">
        <v>0.65584490740740742</v>
      </c>
      <c r="C3402">
        <v>225.10799999999998</v>
      </c>
      <c r="D3402">
        <v>450.21599999999995</v>
      </c>
    </row>
    <row r="3403" spans="1:4" x14ac:dyDescent="0.25">
      <c r="A3403" s="1">
        <v>41895</v>
      </c>
      <c r="B3403" s="2">
        <v>0.66694444444444445</v>
      </c>
      <c r="C3403">
        <v>225.17459999999997</v>
      </c>
      <c r="D3403">
        <v>450.34919999999994</v>
      </c>
    </row>
    <row r="3404" spans="1:4" x14ac:dyDescent="0.25">
      <c r="A3404" s="1">
        <v>41895</v>
      </c>
      <c r="B3404" s="2">
        <v>0.67806712962962967</v>
      </c>
      <c r="C3404">
        <v>225.24119999999999</v>
      </c>
      <c r="D3404">
        <v>450.48239999999998</v>
      </c>
    </row>
    <row r="3405" spans="1:4" x14ac:dyDescent="0.25">
      <c r="A3405" s="1">
        <v>41895</v>
      </c>
      <c r="B3405" s="2">
        <v>0.68994212962962964</v>
      </c>
      <c r="C3405">
        <v>225.30779999999999</v>
      </c>
      <c r="D3405">
        <v>450.61559999999997</v>
      </c>
    </row>
    <row r="3406" spans="1:4" x14ac:dyDescent="0.25">
      <c r="A3406" s="1">
        <v>41895</v>
      </c>
      <c r="B3406" s="2">
        <v>0.70162037037037039</v>
      </c>
      <c r="C3406">
        <v>225.37439999999998</v>
      </c>
      <c r="D3406">
        <v>450.74879999999996</v>
      </c>
    </row>
    <row r="3407" spans="1:4" x14ac:dyDescent="0.25">
      <c r="A3407" s="1">
        <v>41895</v>
      </c>
      <c r="B3407" s="2">
        <v>0.71414351851851843</v>
      </c>
      <c r="C3407">
        <v>225.44099999999997</v>
      </c>
      <c r="D3407">
        <v>450.88199999999995</v>
      </c>
    </row>
    <row r="3408" spans="1:4" x14ac:dyDescent="0.25">
      <c r="A3408" s="1">
        <v>41895</v>
      </c>
      <c r="B3408" s="2">
        <v>0.72628472222222218</v>
      </c>
      <c r="C3408">
        <v>225.50759999999997</v>
      </c>
      <c r="D3408">
        <v>451.01519999999994</v>
      </c>
    </row>
    <row r="3409" spans="1:4" x14ac:dyDescent="0.25">
      <c r="A3409" s="1">
        <v>41895</v>
      </c>
      <c r="B3409" s="2">
        <v>0.73929398148148151</v>
      </c>
      <c r="C3409">
        <v>225.57419999999999</v>
      </c>
      <c r="D3409">
        <v>451.14839999999998</v>
      </c>
    </row>
    <row r="3410" spans="1:4" x14ac:dyDescent="0.25">
      <c r="A3410" s="1">
        <v>41895</v>
      </c>
      <c r="B3410" s="2">
        <v>0.75203703703703706</v>
      </c>
      <c r="C3410">
        <v>225.64079999999998</v>
      </c>
      <c r="D3410">
        <v>451.28159999999997</v>
      </c>
    </row>
    <row r="3411" spans="1:4" x14ac:dyDescent="0.25">
      <c r="A3411" s="1">
        <v>41895</v>
      </c>
      <c r="B3411" s="2">
        <v>0.76517361111111104</v>
      </c>
      <c r="C3411">
        <v>225.70740000000001</v>
      </c>
      <c r="D3411">
        <v>451.41480000000001</v>
      </c>
    </row>
    <row r="3412" spans="1:4" x14ac:dyDescent="0.25">
      <c r="A3412" s="1">
        <v>41895</v>
      </c>
      <c r="B3412" s="2">
        <v>0.7779166666666667</v>
      </c>
      <c r="C3412">
        <v>225.77399999999997</v>
      </c>
      <c r="D3412">
        <v>451.54799999999994</v>
      </c>
    </row>
    <row r="3413" spans="1:4" x14ac:dyDescent="0.25">
      <c r="A3413" s="1">
        <v>41895</v>
      </c>
      <c r="B3413" s="2">
        <v>0.79107638888888887</v>
      </c>
      <c r="C3413">
        <v>225.84059999999997</v>
      </c>
      <c r="D3413">
        <v>451.68119999999993</v>
      </c>
    </row>
    <row r="3414" spans="1:4" x14ac:dyDescent="0.25">
      <c r="A3414" s="1">
        <v>41895</v>
      </c>
      <c r="B3414" s="2">
        <v>0.80342592592592599</v>
      </c>
      <c r="C3414">
        <v>225.90719999999999</v>
      </c>
      <c r="D3414">
        <v>451.81439999999998</v>
      </c>
    </row>
    <row r="3415" spans="1:4" x14ac:dyDescent="0.25">
      <c r="A3415" s="1">
        <v>41895</v>
      </c>
      <c r="B3415" s="2">
        <v>0.81649305555555562</v>
      </c>
      <c r="C3415">
        <v>225.97379999999998</v>
      </c>
      <c r="D3415">
        <v>451.94759999999997</v>
      </c>
    </row>
    <row r="3416" spans="1:4" x14ac:dyDescent="0.25">
      <c r="A3416" s="1">
        <v>41895</v>
      </c>
      <c r="B3416" s="2">
        <v>0.82896990740740739</v>
      </c>
      <c r="C3416">
        <v>226.04040000000001</v>
      </c>
      <c r="D3416">
        <v>452.08080000000001</v>
      </c>
    </row>
    <row r="3417" spans="1:4" x14ac:dyDescent="0.25">
      <c r="A3417" s="1">
        <v>41895</v>
      </c>
      <c r="B3417" s="2">
        <v>0.84223379629629624</v>
      </c>
      <c r="C3417">
        <v>226.10699999999997</v>
      </c>
      <c r="D3417">
        <v>452.21399999999994</v>
      </c>
    </row>
    <row r="3418" spans="1:4" x14ac:dyDescent="0.25">
      <c r="A3418" s="1">
        <v>41895</v>
      </c>
      <c r="B3418" s="2">
        <v>0.85487268518518522</v>
      </c>
      <c r="C3418">
        <v>226.17359999999996</v>
      </c>
      <c r="D3418">
        <v>452.34719999999993</v>
      </c>
    </row>
    <row r="3419" spans="1:4" x14ac:dyDescent="0.25">
      <c r="A3419" s="1">
        <v>41895</v>
      </c>
      <c r="B3419" s="2">
        <v>0.86807870370370377</v>
      </c>
      <c r="C3419">
        <v>226.24019999999999</v>
      </c>
      <c r="D3419">
        <v>452.48039999999997</v>
      </c>
    </row>
    <row r="3420" spans="1:4" x14ac:dyDescent="0.25">
      <c r="A3420" s="1">
        <v>41895</v>
      </c>
      <c r="B3420" s="2">
        <v>0.88055555555555554</v>
      </c>
      <c r="C3420">
        <v>226.30679999999998</v>
      </c>
      <c r="D3420">
        <v>452.61359999999996</v>
      </c>
    </row>
    <row r="3421" spans="1:4" x14ac:dyDescent="0.25">
      <c r="A3421" s="1">
        <v>41895</v>
      </c>
      <c r="B3421" s="2">
        <v>0.8940393518518519</v>
      </c>
      <c r="C3421">
        <v>226.3734</v>
      </c>
      <c r="D3421">
        <v>452.74680000000001</v>
      </c>
    </row>
    <row r="3422" spans="1:4" x14ac:dyDescent="0.25">
      <c r="A3422" s="1">
        <v>41895</v>
      </c>
      <c r="B3422" s="2">
        <v>0.90721064814814811</v>
      </c>
      <c r="C3422">
        <v>226.43999999999997</v>
      </c>
      <c r="D3422">
        <v>452.87999999999994</v>
      </c>
    </row>
    <row r="3423" spans="1:4" x14ac:dyDescent="0.25">
      <c r="A3423" s="1">
        <v>41895</v>
      </c>
      <c r="B3423" s="2">
        <v>0.92112268518518514</v>
      </c>
      <c r="C3423">
        <v>226.50659999999996</v>
      </c>
      <c r="D3423">
        <v>453.01319999999993</v>
      </c>
    </row>
    <row r="3424" spans="1:4" x14ac:dyDescent="0.25">
      <c r="A3424" s="1">
        <v>41895</v>
      </c>
      <c r="B3424" s="2">
        <v>0.93418981481481478</v>
      </c>
      <c r="C3424">
        <v>226.57319999999999</v>
      </c>
      <c r="D3424">
        <v>453.14639999999997</v>
      </c>
    </row>
    <row r="3425" spans="1:4" x14ac:dyDescent="0.25">
      <c r="A3425" s="1">
        <v>41895</v>
      </c>
      <c r="B3425" s="2">
        <v>0.94863425925925926</v>
      </c>
      <c r="C3425">
        <v>226.63979999999998</v>
      </c>
      <c r="D3425">
        <v>453.27959999999996</v>
      </c>
    </row>
    <row r="3426" spans="1:4" x14ac:dyDescent="0.25">
      <c r="A3426" s="1">
        <v>41895</v>
      </c>
      <c r="B3426" s="2">
        <v>0.96206018518518521</v>
      </c>
      <c r="C3426">
        <v>226.7064</v>
      </c>
      <c r="D3426">
        <v>453.4128</v>
      </c>
    </row>
    <row r="3427" spans="1:4" x14ac:dyDescent="0.25">
      <c r="A3427" s="1">
        <v>41895</v>
      </c>
      <c r="B3427" s="2">
        <v>0.9768634259259259</v>
      </c>
      <c r="C3427">
        <v>226.77299999999997</v>
      </c>
      <c r="D3427">
        <v>453.54599999999994</v>
      </c>
    </row>
    <row r="3428" spans="1:4" x14ac:dyDescent="0.25">
      <c r="A3428" s="1">
        <v>41895</v>
      </c>
      <c r="B3428" s="2">
        <v>0.99133101851851846</v>
      </c>
      <c r="C3428">
        <v>226.83959999999999</v>
      </c>
      <c r="D3428">
        <v>453.67919999999998</v>
      </c>
    </row>
    <row r="3429" spans="1:4" x14ac:dyDescent="0.25">
      <c r="A3429" s="1">
        <v>41896</v>
      </c>
      <c r="B3429" s="2">
        <v>6.6782407407407415E-3</v>
      </c>
      <c r="C3429">
        <v>226.90619999999998</v>
      </c>
      <c r="D3429">
        <v>453.81239999999997</v>
      </c>
    </row>
    <row r="3430" spans="1:4" x14ac:dyDescent="0.25">
      <c r="A3430" s="1">
        <v>41896</v>
      </c>
      <c r="B3430" s="2">
        <v>2.1423611111111112E-2</v>
      </c>
      <c r="C3430">
        <v>226.97279999999998</v>
      </c>
      <c r="D3430">
        <v>453.94559999999996</v>
      </c>
    </row>
    <row r="3431" spans="1:4" x14ac:dyDescent="0.25">
      <c r="A3431" s="1">
        <v>41896</v>
      </c>
      <c r="B3431" s="2">
        <v>3.7453703703703704E-2</v>
      </c>
      <c r="C3431">
        <v>227.0394</v>
      </c>
      <c r="D3431">
        <v>454.0788</v>
      </c>
    </row>
    <row r="3432" spans="1:4" x14ac:dyDescent="0.25">
      <c r="A3432" s="1">
        <v>41896</v>
      </c>
      <c r="B3432" s="2">
        <v>5.2800925925925925E-2</v>
      </c>
      <c r="C3432">
        <v>227.10599999999997</v>
      </c>
      <c r="D3432">
        <v>454.21199999999993</v>
      </c>
    </row>
    <row r="3433" spans="1:4" x14ac:dyDescent="0.25">
      <c r="A3433" s="1">
        <v>41896</v>
      </c>
      <c r="B3433" s="2">
        <v>6.9143518518518521E-2</v>
      </c>
      <c r="C3433">
        <v>227.17259999999999</v>
      </c>
      <c r="D3433">
        <v>454.34519999999998</v>
      </c>
    </row>
    <row r="3434" spans="1:4" x14ac:dyDescent="0.25">
      <c r="A3434" s="1">
        <v>41896</v>
      </c>
      <c r="B3434" s="2">
        <v>8.5405092592592588E-2</v>
      </c>
      <c r="C3434">
        <v>227.23919999999998</v>
      </c>
      <c r="D3434">
        <v>454.47839999999997</v>
      </c>
    </row>
    <row r="3435" spans="1:4" x14ac:dyDescent="0.25">
      <c r="A3435" s="1">
        <v>41896</v>
      </c>
      <c r="B3435" s="2">
        <v>0.10315972222222221</v>
      </c>
      <c r="C3435">
        <v>227.30579999999998</v>
      </c>
      <c r="D3435">
        <v>454.61159999999995</v>
      </c>
    </row>
    <row r="3436" spans="1:4" x14ac:dyDescent="0.25">
      <c r="A3436" s="1">
        <v>41896</v>
      </c>
      <c r="B3436" s="2">
        <v>0.12039351851851852</v>
      </c>
      <c r="C3436">
        <v>227.3724</v>
      </c>
      <c r="D3436">
        <v>454.7448</v>
      </c>
    </row>
    <row r="3437" spans="1:4" x14ac:dyDescent="0.25">
      <c r="A3437" s="1">
        <v>41896</v>
      </c>
      <c r="B3437" s="2">
        <v>0.13924768518518518</v>
      </c>
      <c r="C3437">
        <v>227.43899999999996</v>
      </c>
      <c r="D3437">
        <v>454.87799999999993</v>
      </c>
    </row>
    <row r="3438" spans="1:4" x14ac:dyDescent="0.25">
      <c r="A3438" s="1">
        <v>41896</v>
      </c>
      <c r="B3438" s="2">
        <v>0.15762731481481482</v>
      </c>
      <c r="C3438">
        <v>227.50559999999999</v>
      </c>
      <c r="D3438">
        <v>455.01119999999997</v>
      </c>
    </row>
    <row r="3439" spans="1:4" x14ac:dyDescent="0.25">
      <c r="A3439" s="1">
        <v>41896</v>
      </c>
      <c r="B3439" s="2">
        <v>0.17778935185185185</v>
      </c>
      <c r="C3439">
        <v>227.57219999999998</v>
      </c>
      <c r="D3439">
        <v>455.14439999999996</v>
      </c>
    </row>
    <row r="3440" spans="1:4" x14ac:dyDescent="0.25">
      <c r="A3440" s="1">
        <v>41896</v>
      </c>
      <c r="B3440" s="2">
        <v>0.19740740740740739</v>
      </c>
      <c r="C3440">
        <v>227.63879999999997</v>
      </c>
      <c r="D3440">
        <v>455.27759999999995</v>
      </c>
    </row>
    <row r="3441" spans="1:4" x14ac:dyDescent="0.25">
      <c r="A3441" s="1">
        <v>41896</v>
      </c>
      <c r="B3441" s="2">
        <v>0.21909722222222225</v>
      </c>
      <c r="C3441">
        <v>227.7054</v>
      </c>
      <c r="D3441">
        <v>455.41079999999999</v>
      </c>
    </row>
    <row r="3442" spans="1:4" x14ac:dyDescent="0.25">
      <c r="A3442" s="1">
        <v>41896</v>
      </c>
      <c r="B3442" s="2">
        <v>0.2401736111111111</v>
      </c>
      <c r="C3442">
        <v>227.77199999999996</v>
      </c>
      <c r="D3442">
        <v>455.54399999999993</v>
      </c>
    </row>
    <row r="3443" spans="1:4" x14ac:dyDescent="0.25">
      <c r="A3443" s="1">
        <v>41896</v>
      </c>
      <c r="B3443" s="2">
        <v>0.26311342592592596</v>
      </c>
      <c r="C3443">
        <v>227.83859999999999</v>
      </c>
      <c r="D3443">
        <v>455.67719999999997</v>
      </c>
    </row>
    <row r="3444" spans="1:4" x14ac:dyDescent="0.25">
      <c r="A3444" s="1">
        <v>41896</v>
      </c>
      <c r="B3444" s="2">
        <v>0.28563657407407406</v>
      </c>
      <c r="C3444">
        <v>227.90519999999998</v>
      </c>
      <c r="D3444">
        <v>455.81039999999996</v>
      </c>
    </row>
    <row r="3445" spans="1:4" x14ac:dyDescent="0.25">
      <c r="A3445" s="1">
        <v>41896</v>
      </c>
      <c r="B3445" s="2">
        <v>0.3105324074074074</v>
      </c>
      <c r="C3445">
        <v>227.9718</v>
      </c>
      <c r="D3445">
        <v>455.9436</v>
      </c>
    </row>
    <row r="3446" spans="1:4" x14ac:dyDescent="0.25">
      <c r="A3446" s="1">
        <v>41896</v>
      </c>
      <c r="B3446" s="2">
        <v>0.33451388888888894</v>
      </c>
      <c r="C3446">
        <v>228.0384</v>
      </c>
      <c r="D3446">
        <v>456.07679999999999</v>
      </c>
    </row>
    <row r="3447" spans="1:4" x14ac:dyDescent="0.25">
      <c r="A3447" s="1">
        <v>41896</v>
      </c>
      <c r="B3447" s="2">
        <v>0.36105324074074074</v>
      </c>
      <c r="C3447">
        <v>228.10499999999996</v>
      </c>
      <c r="D3447">
        <v>456.20999999999992</v>
      </c>
    </row>
    <row r="3448" spans="1:4" x14ac:dyDescent="0.25">
      <c r="A3448" s="1">
        <v>41896</v>
      </c>
      <c r="B3448" s="2">
        <v>0.38675925925925925</v>
      </c>
      <c r="C3448">
        <v>228.17159999999998</v>
      </c>
      <c r="D3448">
        <v>456.34319999999997</v>
      </c>
    </row>
    <row r="3449" spans="1:4" x14ac:dyDescent="0.25">
      <c r="A3449" s="1">
        <v>41896</v>
      </c>
      <c r="B3449" s="2">
        <v>0.41528935185185184</v>
      </c>
      <c r="C3449">
        <v>228.23819999999998</v>
      </c>
      <c r="D3449">
        <v>456.47639999999996</v>
      </c>
    </row>
    <row r="3450" spans="1:4" x14ac:dyDescent="0.25">
      <c r="A3450" s="1">
        <v>41896</v>
      </c>
      <c r="B3450" s="2">
        <v>0.44310185185185186</v>
      </c>
      <c r="C3450">
        <v>228.3048</v>
      </c>
      <c r="D3450">
        <v>456.6096</v>
      </c>
    </row>
    <row r="3451" spans="1:4" x14ac:dyDescent="0.25">
      <c r="A3451" s="1">
        <v>41896</v>
      </c>
      <c r="B3451" s="2">
        <v>0.4736805555555556</v>
      </c>
      <c r="C3451">
        <v>228.37139999999999</v>
      </c>
      <c r="D3451">
        <v>456.74279999999999</v>
      </c>
    </row>
    <row r="3452" spans="1:4" x14ac:dyDescent="0.25">
      <c r="A3452" s="1">
        <v>41896</v>
      </c>
      <c r="B3452" s="2">
        <v>0.50334490740740734</v>
      </c>
      <c r="C3452">
        <v>228.43799999999996</v>
      </c>
      <c r="D3452">
        <v>456.87599999999992</v>
      </c>
    </row>
    <row r="3453" spans="1:4" x14ac:dyDescent="0.25">
      <c r="A3453" s="1">
        <v>41896</v>
      </c>
      <c r="B3453" s="2">
        <v>0.53626157407407404</v>
      </c>
      <c r="C3453">
        <v>228.50459999999998</v>
      </c>
      <c r="D3453">
        <v>457.00919999999996</v>
      </c>
    </row>
    <row r="3454" spans="1:4" x14ac:dyDescent="0.25">
      <c r="A3454" s="1">
        <v>41896</v>
      </c>
      <c r="B3454" s="2">
        <v>0.56800925925925927</v>
      </c>
      <c r="C3454">
        <v>228.57119999999998</v>
      </c>
      <c r="D3454">
        <v>457.14239999999995</v>
      </c>
    </row>
    <row r="3455" spans="1:4" x14ac:dyDescent="0.25">
      <c r="A3455" s="1">
        <v>41896</v>
      </c>
      <c r="B3455" s="2">
        <v>0.60339120370370369</v>
      </c>
      <c r="C3455">
        <v>228.6378</v>
      </c>
      <c r="D3455">
        <v>457.2756</v>
      </c>
    </row>
    <row r="3456" spans="1:4" x14ac:dyDescent="0.25">
      <c r="A3456" s="1">
        <v>41896</v>
      </c>
      <c r="B3456" s="2">
        <v>0.63778935185185182</v>
      </c>
      <c r="C3456">
        <v>228.70439999999999</v>
      </c>
      <c r="D3456">
        <v>457.40879999999999</v>
      </c>
    </row>
    <row r="3457" spans="1:4" x14ac:dyDescent="0.25">
      <c r="A3457" s="1">
        <v>41896</v>
      </c>
      <c r="B3457" s="2">
        <v>0.67519675925925926</v>
      </c>
      <c r="C3457">
        <v>228.77099999999996</v>
      </c>
      <c r="D3457">
        <v>457.54199999999992</v>
      </c>
    </row>
    <row r="3458" spans="1:4" x14ac:dyDescent="0.25">
      <c r="A3458" s="1">
        <v>41896</v>
      </c>
      <c r="B3458" s="2">
        <v>0.7127430555555555</v>
      </c>
      <c r="C3458">
        <v>228.83759999999998</v>
      </c>
      <c r="D3458">
        <v>457.67519999999996</v>
      </c>
    </row>
    <row r="3459" spans="1:4" x14ac:dyDescent="0.25">
      <c r="A3459" s="1">
        <v>41896</v>
      </c>
      <c r="B3459" s="2">
        <v>0.75363425925925931</v>
      </c>
      <c r="C3459">
        <v>228.90419999999997</v>
      </c>
      <c r="D3459">
        <v>457.80839999999995</v>
      </c>
    </row>
    <row r="3460" spans="1:4" x14ac:dyDescent="0.25">
      <c r="A3460" s="1">
        <v>41896</v>
      </c>
      <c r="B3460" s="2">
        <v>0.7950462962962962</v>
      </c>
      <c r="C3460">
        <v>228.9708</v>
      </c>
      <c r="D3460">
        <v>457.94159999999999</v>
      </c>
    </row>
    <row r="3461" spans="1:4" x14ac:dyDescent="0.25">
      <c r="A3461" s="1">
        <v>41896</v>
      </c>
      <c r="B3461" s="2">
        <v>0.84062500000000007</v>
      </c>
      <c r="C3461">
        <v>229.03739999999999</v>
      </c>
      <c r="D3461">
        <v>458.07479999999998</v>
      </c>
    </row>
    <row r="3462" spans="1:4" x14ac:dyDescent="0.25">
      <c r="A3462" s="1">
        <v>41896</v>
      </c>
      <c r="B3462" s="2">
        <v>0.88624999999999998</v>
      </c>
      <c r="C3462">
        <v>229.10399999999998</v>
      </c>
      <c r="D3462">
        <v>458.20799999999997</v>
      </c>
    </row>
    <row r="3463" spans="1:4" x14ac:dyDescent="0.25">
      <c r="A3463" s="1">
        <v>41896</v>
      </c>
      <c r="B3463" s="2">
        <v>0.93670138888888888</v>
      </c>
      <c r="C3463">
        <v>229.17059999999998</v>
      </c>
      <c r="D3463">
        <v>458.34119999999996</v>
      </c>
    </row>
    <row r="3464" spans="1:4" x14ac:dyDescent="0.25">
      <c r="A3464" s="1">
        <v>41896</v>
      </c>
      <c r="B3464" s="2">
        <v>0.98612268518518509</v>
      </c>
      <c r="C3464">
        <v>229.23719999999997</v>
      </c>
      <c r="D3464">
        <v>458.47439999999995</v>
      </c>
    </row>
    <row r="3465" spans="1:4" x14ac:dyDescent="0.25">
      <c r="A3465" s="1">
        <v>41897</v>
      </c>
      <c r="B3465" s="2">
        <v>3.9872685185185185E-2</v>
      </c>
      <c r="C3465">
        <v>229.3038</v>
      </c>
      <c r="D3465">
        <v>458.60759999999999</v>
      </c>
    </row>
    <row r="3466" spans="1:4" x14ac:dyDescent="0.25">
      <c r="A3466" s="1">
        <v>41897</v>
      </c>
      <c r="B3466" s="2">
        <v>9.2997685185185183E-2</v>
      </c>
      <c r="C3466">
        <v>229.37039999999999</v>
      </c>
      <c r="D3466">
        <v>458.74079999999998</v>
      </c>
    </row>
    <row r="3467" spans="1:4" x14ac:dyDescent="0.25">
      <c r="A3467" s="1">
        <v>41897</v>
      </c>
      <c r="B3467" s="2">
        <v>0.15100694444444443</v>
      </c>
      <c r="C3467">
        <v>229.43699999999998</v>
      </c>
      <c r="D3467">
        <v>458.87399999999997</v>
      </c>
    </row>
    <row r="3468" spans="1:4" x14ac:dyDescent="0.25">
      <c r="A3468" s="1">
        <v>41897</v>
      </c>
      <c r="B3468" s="2">
        <v>0.20795138888888889</v>
      </c>
      <c r="C3468">
        <v>229.50359999999998</v>
      </c>
      <c r="D3468">
        <v>459.00719999999995</v>
      </c>
    </row>
    <row r="3469" spans="1:4" x14ac:dyDescent="0.25">
      <c r="A3469" s="1">
        <v>41897</v>
      </c>
      <c r="B3469" s="2">
        <v>0.27041666666666669</v>
      </c>
      <c r="C3469">
        <v>229.57019999999997</v>
      </c>
      <c r="D3469">
        <v>459.14039999999994</v>
      </c>
    </row>
    <row r="3470" spans="1:4" x14ac:dyDescent="0.25">
      <c r="A3470" s="1">
        <v>41897</v>
      </c>
      <c r="B3470" s="2">
        <v>0.33231481481481479</v>
      </c>
      <c r="C3470">
        <v>229.63679999999999</v>
      </c>
      <c r="D3470">
        <v>459.27359999999999</v>
      </c>
    </row>
    <row r="3471" spans="1:4" x14ac:dyDescent="0.25">
      <c r="A3471" s="1">
        <v>41897</v>
      </c>
      <c r="B3471" s="2">
        <v>0.40026620370370369</v>
      </c>
      <c r="C3471">
        <v>229.70339999999999</v>
      </c>
      <c r="D3471">
        <v>459.40679999999998</v>
      </c>
    </row>
    <row r="3472" spans="1:4" x14ac:dyDescent="0.25">
      <c r="A3472" s="1">
        <v>41897</v>
      </c>
      <c r="B3472" s="2">
        <v>0.46761574074074069</v>
      </c>
      <c r="C3472">
        <v>229.76999999999998</v>
      </c>
      <c r="D3472">
        <v>459.53999999999996</v>
      </c>
    </row>
    <row r="3473" spans="1:4" x14ac:dyDescent="0.25">
      <c r="A3473" s="1">
        <v>41897</v>
      </c>
      <c r="B3473" s="2">
        <v>0.53862268518518519</v>
      </c>
      <c r="C3473">
        <v>229.83659999999998</v>
      </c>
      <c r="D3473">
        <v>459.67319999999995</v>
      </c>
    </row>
    <row r="3474" spans="1:4" x14ac:dyDescent="0.25">
      <c r="A3474" s="1">
        <v>41897</v>
      </c>
      <c r="B3474" s="2">
        <v>0.60820601851851852</v>
      </c>
      <c r="C3474">
        <v>229.90319999999997</v>
      </c>
      <c r="D3474">
        <v>459.80639999999994</v>
      </c>
    </row>
    <row r="3475" spans="1:4" x14ac:dyDescent="0.25">
      <c r="A3475" s="1">
        <v>41897</v>
      </c>
      <c r="B3475" s="2">
        <v>0.6899305555555556</v>
      </c>
      <c r="C3475">
        <v>229.96979999999999</v>
      </c>
      <c r="D3475">
        <v>459.93959999999998</v>
      </c>
    </row>
    <row r="3476" spans="1:4" x14ac:dyDescent="0.25">
      <c r="A3476" s="1">
        <v>41897</v>
      </c>
      <c r="B3476" s="2">
        <v>0.77314814814814825</v>
      </c>
      <c r="C3476">
        <v>230.03639999999999</v>
      </c>
      <c r="D3476">
        <v>460.07279999999997</v>
      </c>
    </row>
    <row r="3477" spans="1:4" x14ac:dyDescent="0.25">
      <c r="A3477" s="1">
        <v>41897</v>
      </c>
      <c r="B3477" s="2">
        <v>0.86179398148148145</v>
      </c>
      <c r="C3477">
        <v>230.10299999999998</v>
      </c>
      <c r="D3477">
        <v>460.20599999999996</v>
      </c>
    </row>
    <row r="3478" spans="1:4" x14ac:dyDescent="0.25">
      <c r="A3478" s="1">
        <v>41897</v>
      </c>
      <c r="B3478" s="2">
        <v>0.9518402777777778</v>
      </c>
      <c r="C3478">
        <v>230.16959999999997</v>
      </c>
      <c r="D3478">
        <v>460.33919999999995</v>
      </c>
    </row>
    <row r="3479" spans="1:4" x14ac:dyDescent="0.25">
      <c r="A3479" s="1">
        <v>41898</v>
      </c>
      <c r="B3479" s="2">
        <v>4.8506944444444443E-2</v>
      </c>
      <c r="C3479">
        <v>230.2362</v>
      </c>
      <c r="D3479">
        <v>460.47239999999999</v>
      </c>
    </row>
    <row r="3480" spans="1:4" x14ac:dyDescent="0.25">
      <c r="A3480" s="1">
        <v>41898</v>
      </c>
      <c r="B3480" s="2">
        <v>0.14582175925925925</v>
      </c>
      <c r="C3480">
        <v>230.30279999999999</v>
      </c>
      <c r="D3480">
        <v>460.60559999999998</v>
      </c>
    </row>
    <row r="3481" spans="1:4" x14ac:dyDescent="0.25">
      <c r="A3481" s="1">
        <v>41898</v>
      </c>
      <c r="B3481" s="2">
        <v>0.25208333333333333</v>
      </c>
      <c r="C3481">
        <v>230.36939999999998</v>
      </c>
      <c r="D3481">
        <v>460.73879999999997</v>
      </c>
    </row>
    <row r="3482" spans="1:4" x14ac:dyDescent="0.25">
      <c r="A3482" s="1">
        <v>41898</v>
      </c>
      <c r="B3482" s="2">
        <v>0.36109953703703707</v>
      </c>
      <c r="C3482">
        <v>230.43599999999998</v>
      </c>
      <c r="D3482">
        <v>460.87199999999996</v>
      </c>
    </row>
    <row r="3483" spans="1:4" x14ac:dyDescent="0.25">
      <c r="A3483" s="1">
        <v>41898</v>
      </c>
      <c r="B3483" s="2">
        <v>0.47608796296296302</v>
      </c>
      <c r="C3483">
        <v>230.50259999999997</v>
      </c>
      <c r="D3483">
        <v>461.00519999999995</v>
      </c>
    </row>
    <row r="3484" spans="1:4" x14ac:dyDescent="0.25">
      <c r="A3484" s="1">
        <v>41898</v>
      </c>
      <c r="B3484" s="2">
        <v>0.59334490740740742</v>
      </c>
      <c r="C3484">
        <v>230.5692</v>
      </c>
      <c r="D3484">
        <v>461.13839999999999</v>
      </c>
    </row>
    <row r="3485" spans="1:4" x14ac:dyDescent="0.25">
      <c r="A3485" s="1">
        <v>41898</v>
      </c>
      <c r="B3485" s="2">
        <v>0.71818287037037043</v>
      </c>
      <c r="C3485">
        <v>230.63579999999999</v>
      </c>
      <c r="D3485">
        <v>461.27159999999998</v>
      </c>
    </row>
    <row r="3486" spans="1:4" x14ac:dyDescent="0.25">
      <c r="A3486" s="1">
        <v>41898</v>
      </c>
      <c r="B3486" s="2">
        <v>0.84423611111111108</v>
      </c>
      <c r="C3486">
        <v>230.70239999999998</v>
      </c>
      <c r="D3486">
        <v>461.40479999999997</v>
      </c>
    </row>
    <row r="3487" spans="1:4" x14ac:dyDescent="0.25">
      <c r="A3487" s="1">
        <v>41898</v>
      </c>
      <c r="B3487" s="2">
        <v>0.9830902777777778</v>
      </c>
      <c r="C3487">
        <v>230.76899999999998</v>
      </c>
      <c r="D3487">
        <v>461.53799999999995</v>
      </c>
    </row>
    <row r="3488" spans="1:4" x14ac:dyDescent="0.25">
      <c r="A3488" s="1">
        <v>41899</v>
      </c>
      <c r="B3488" s="2">
        <v>0.1260300925925926</v>
      </c>
      <c r="C3488">
        <v>230.83559999999997</v>
      </c>
      <c r="D3488">
        <v>461.67119999999994</v>
      </c>
    </row>
    <row r="3489" spans="1:4" x14ac:dyDescent="0.25">
      <c r="A3489" s="1">
        <v>41899</v>
      </c>
      <c r="B3489" s="2">
        <v>0.27940972222222221</v>
      </c>
      <c r="C3489">
        <v>230.90219999999999</v>
      </c>
      <c r="D3489">
        <v>461.80439999999999</v>
      </c>
    </row>
    <row r="3490" spans="1:4" x14ac:dyDescent="0.25">
      <c r="A3490" s="1">
        <v>41899</v>
      </c>
      <c r="B3490" s="2">
        <v>0.43284722222222222</v>
      </c>
      <c r="C3490">
        <v>230.96879999999999</v>
      </c>
      <c r="D3490">
        <v>461.93759999999997</v>
      </c>
    </row>
    <row r="3491" spans="1:4" x14ac:dyDescent="0.25">
      <c r="A3491" s="1">
        <v>41899</v>
      </c>
      <c r="B3491" s="2">
        <v>0.59611111111111115</v>
      </c>
      <c r="C3491">
        <v>231.03539999999998</v>
      </c>
      <c r="D3491">
        <v>462.07079999999996</v>
      </c>
    </row>
    <row r="3492" spans="1:4" x14ac:dyDescent="0.25">
      <c r="A3492" s="1">
        <v>41899</v>
      </c>
      <c r="B3492" s="2">
        <v>0.77476851851851858</v>
      </c>
      <c r="C3492">
        <v>231.10199999999998</v>
      </c>
      <c r="D3492">
        <v>462.20399999999995</v>
      </c>
    </row>
    <row r="3493" spans="1:4" x14ac:dyDescent="0.25">
      <c r="A3493" s="1">
        <v>41899</v>
      </c>
      <c r="B3493" s="2">
        <v>0.98586805555555557</v>
      </c>
      <c r="C3493">
        <v>231.16859999999997</v>
      </c>
      <c r="D3493">
        <v>462.33719999999994</v>
      </c>
    </row>
    <row r="3494" spans="1:4" x14ac:dyDescent="0.25">
      <c r="A3494" s="1">
        <v>41900</v>
      </c>
      <c r="B3494" s="2">
        <v>0.1917939814814815</v>
      </c>
      <c r="C3494">
        <v>231.23519999999999</v>
      </c>
      <c r="D3494">
        <v>462.47039999999998</v>
      </c>
    </row>
    <row r="3495" spans="1:4" x14ac:dyDescent="0.25">
      <c r="A3495" s="1">
        <v>41900</v>
      </c>
      <c r="B3495" s="2">
        <v>0.409212962962963</v>
      </c>
      <c r="C3495">
        <v>231.30179999999999</v>
      </c>
      <c r="D3495">
        <v>462.60359999999997</v>
      </c>
    </row>
    <row r="3496" spans="1:4" x14ac:dyDescent="0.25">
      <c r="A3496" s="1">
        <v>41900</v>
      </c>
      <c r="B3496" s="2">
        <v>0.62876157407407407</v>
      </c>
      <c r="C3496">
        <v>231.36840000000001</v>
      </c>
      <c r="D3496">
        <v>462.73680000000002</v>
      </c>
    </row>
    <row r="3497" spans="1:4" x14ac:dyDescent="0.25">
      <c r="A3497" s="1">
        <v>41900</v>
      </c>
      <c r="B3497" s="2">
        <v>0.87265046296296289</v>
      </c>
      <c r="C3497">
        <v>231.43499999999997</v>
      </c>
      <c r="D3497">
        <v>462.86999999999995</v>
      </c>
    </row>
    <row r="3498" spans="1:4" x14ac:dyDescent="0.25">
      <c r="A3498" s="1">
        <v>41901</v>
      </c>
      <c r="B3498" s="2">
        <v>0.12643518518518518</v>
      </c>
      <c r="C3498">
        <v>231.50159999999997</v>
      </c>
      <c r="D3498">
        <v>463.00319999999994</v>
      </c>
    </row>
    <row r="3499" spans="1:4" x14ac:dyDescent="0.25">
      <c r="A3499" s="1">
        <v>41901</v>
      </c>
      <c r="B3499" s="2">
        <v>0.39730324074074069</v>
      </c>
      <c r="C3499">
        <v>231.56819999999999</v>
      </c>
      <c r="D3499">
        <v>463.13639999999998</v>
      </c>
    </row>
    <row r="3500" spans="1:4" x14ac:dyDescent="0.25">
      <c r="A3500" s="1">
        <v>41901</v>
      </c>
      <c r="B3500" s="2">
        <v>0.66612268518518525</v>
      </c>
      <c r="C3500">
        <v>231.63479999999998</v>
      </c>
      <c r="D3500">
        <v>463.26959999999997</v>
      </c>
    </row>
    <row r="3501" spans="1:4" x14ac:dyDescent="0.25">
      <c r="A3501" s="1">
        <v>41901</v>
      </c>
      <c r="B3501" s="2">
        <v>0.96976851851851853</v>
      </c>
      <c r="C3501">
        <v>231.70140000000001</v>
      </c>
      <c r="D3501">
        <v>463.40280000000001</v>
      </c>
    </row>
    <row r="3502" spans="1:4" x14ac:dyDescent="0.25">
      <c r="A3502" s="1">
        <v>41902</v>
      </c>
      <c r="B3502" s="2">
        <v>0.27515046296296297</v>
      </c>
      <c r="C3502">
        <v>231.76799999999997</v>
      </c>
      <c r="D3502">
        <v>463.53599999999994</v>
      </c>
    </row>
    <row r="3503" spans="1:4" x14ac:dyDescent="0.25">
      <c r="A3503" s="1">
        <v>41902</v>
      </c>
      <c r="B3503" s="2">
        <v>0.59633101851851855</v>
      </c>
      <c r="C3503">
        <v>231.83459999999997</v>
      </c>
      <c r="D3503">
        <v>463.66919999999993</v>
      </c>
    </row>
    <row r="3504" spans="1:4" x14ac:dyDescent="0.25">
      <c r="A3504" s="1">
        <v>41902</v>
      </c>
      <c r="B3504" s="2">
        <v>0.91599537037037038</v>
      </c>
      <c r="C3504">
        <v>231.90119999999999</v>
      </c>
      <c r="D3504">
        <v>463.80239999999998</v>
      </c>
    </row>
    <row r="3505" spans="1:4" x14ac:dyDescent="0.25">
      <c r="A3505" s="1">
        <v>41903</v>
      </c>
      <c r="B3505" s="2">
        <v>0.29498842592592595</v>
      </c>
      <c r="C3505">
        <v>231.96779999999998</v>
      </c>
      <c r="D3505">
        <v>463.93559999999997</v>
      </c>
    </row>
    <row r="3506" spans="1:4" x14ac:dyDescent="0.25">
      <c r="A3506" s="1">
        <v>41903</v>
      </c>
      <c r="B3506" s="2">
        <v>0.64293981481481477</v>
      </c>
      <c r="C3506">
        <v>232.03440000000001</v>
      </c>
      <c r="D3506">
        <v>464.06880000000001</v>
      </c>
    </row>
    <row r="3507" spans="1:4" x14ac:dyDescent="0.25">
      <c r="A3507" s="1">
        <v>41904</v>
      </c>
      <c r="B3507" s="2">
        <v>5.2013888888888887E-2</v>
      </c>
      <c r="C3507">
        <v>232.10099999999997</v>
      </c>
      <c r="D3507">
        <v>464.20199999999994</v>
      </c>
    </row>
    <row r="3508" spans="1:4" x14ac:dyDescent="0.25">
      <c r="A3508" s="1">
        <v>41904</v>
      </c>
      <c r="B3508" s="2">
        <v>0.47074074074074074</v>
      </c>
      <c r="C3508">
        <v>232.16759999999996</v>
      </c>
      <c r="D3508">
        <v>464.33519999999993</v>
      </c>
    </row>
    <row r="3509" spans="1:4" x14ac:dyDescent="0.25">
      <c r="A3509" s="1">
        <v>41904</v>
      </c>
      <c r="B3509" s="2">
        <v>0.81479166666666669</v>
      </c>
      <c r="C3509">
        <v>232.23419999999999</v>
      </c>
      <c r="D3509">
        <v>464.46839999999997</v>
      </c>
    </row>
    <row r="3510" spans="1:4" x14ac:dyDescent="0.25">
      <c r="A3510" s="1">
        <v>41904</v>
      </c>
      <c r="B3510" s="2">
        <v>0.82215277777777773</v>
      </c>
      <c r="C3510">
        <v>232.30079999999998</v>
      </c>
      <c r="D3510">
        <v>464.60159999999996</v>
      </c>
    </row>
    <row r="3511" spans="1:4" x14ac:dyDescent="0.25">
      <c r="A3511" s="1">
        <v>41904</v>
      </c>
      <c r="B3511" s="2">
        <v>0.827662037037037</v>
      </c>
      <c r="C3511">
        <v>232.3674</v>
      </c>
      <c r="D3511">
        <v>464.73480000000001</v>
      </c>
    </row>
    <row r="3512" spans="1:4" x14ac:dyDescent="0.25">
      <c r="A3512" s="1">
        <v>41904</v>
      </c>
      <c r="B3512" s="2">
        <v>0.83415509259259257</v>
      </c>
      <c r="C3512">
        <v>232.43399999999997</v>
      </c>
      <c r="D3512">
        <v>464.86799999999994</v>
      </c>
    </row>
    <row r="3513" spans="1:4" x14ac:dyDescent="0.25">
      <c r="A3513" s="1">
        <v>41904</v>
      </c>
      <c r="B3513" s="2">
        <v>0.8384490740740741</v>
      </c>
      <c r="C3513">
        <v>232.50059999999996</v>
      </c>
      <c r="D3513">
        <v>465.00119999999993</v>
      </c>
    </row>
    <row r="3514" spans="1:4" x14ac:dyDescent="0.25">
      <c r="A3514" s="1">
        <v>41904</v>
      </c>
      <c r="B3514" s="2">
        <v>0.84116898148148145</v>
      </c>
      <c r="C3514">
        <v>232.56719999999999</v>
      </c>
      <c r="D3514">
        <v>465.13439999999997</v>
      </c>
    </row>
    <row r="3515" spans="1:4" x14ac:dyDescent="0.25">
      <c r="A3515" s="1">
        <v>41904</v>
      </c>
      <c r="B3515" s="2">
        <v>0.84376157407407415</v>
      </c>
      <c r="C3515">
        <v>232.63379999999998</v>
      </c>
      <c r="D3515">
        <v>465.26759999999996</v>
      </c>
    </row>
    <row r="3516" spans="1:4" x14ac:dyDescent="0.25">
      <c r="A3516" s="1">
        <v>41904</v>
      </c>
      <c r="B3516" s="2">
        <v>0.8464814814814815</v>
      </c>
      <c r="C3516">
        <v>232.7004</v>
      </c>
      <c r="D3516">
        <v>465.4008</v>
      </c>
    </row>
    <row r="3517" spans="1:4" x14ac:dyDescent="0.25">
      <c r="A3517" s="1">
        <v>41904</v>
      </c>
      <c r="B3517" s="2">
        <v>0.84969907407407408</v>
      </c>
      <c r="C3517">
        <v>232.76699999999997</v>
      </c>
      <c r="D3517">
        <v>465.53399999999993</v>
      </c>
    </row>
    <row r="3518" spans="1:4" x14ac:dyDescent="0.25">
      <c r="A3518" s="1">
        <v>41904</v>
      </c>
      <c r="B3518" s="2">
        <v>0.85326388888888882</v>
      </c>
      <c r="C3518">
        <v>232.83359999999999</v>
      </c>
      <c r="D3518">
        <v>465.66719999999998</v>
      </c>
    </row>
    <row r="3519" spans="1:4" x14ac:dyDescent="0.25">
      <c r="A3519" s="1">
        <v>41904</v>
      </c>
      <c r="B3519" s="2">
        <v>0.85730324074074071</v>
      </c>
      <c r="C3519">
        <v>232.90019999999998</v>
      </c>
      <c r="D3519">
        <v>465.80039999999997</v>
      </c>
    </row>
    <row r="3520" spans="1:4" x14ac:dyDescent="0.25">
      <c r="A3520" s="1">
        <v>41904</v>
      </c>
      <c r="B3520" s="2">
        <v>0.86133101851851857</v>
      </c>
      <c r="C3520">
        <v>232.96679999999998</v>
      </c>
      <c r="D3520">
        <v>465.93359999999996</v>
      </c>
    </row>
    <row r="3521" spans="1:4" x14ac:dyDescent="0.25">
      <c r="A3521" s="1">
        <v>41904</v>
      </c>
      <c r="B3521" s="2">
        <v>0.86548611111111118</v>
      </c>
      <c r="C3521">
        <v>233.0334</v>
      </c>
      <c r="D3521">
        <v>466.0668</v>
      </c>
    </row>
    <row r="3522" spans="1:4" x14ac:dyDescent="0.25">
      <c r="A3522" s="1">
        <v>41904</v>
      </c>
      <c r="B3522" s="2">
        <v>0.86957175925925922</v>
      </c>
      <c r="C3522">
        <v>233.09999999999997</v>
      </c>
      <c r="D3522">
        <v>466.19999999999993</v>
      </c>
    </row>
    <row r="3523" spans="1:4" x14ac:dyDescent="0.25">
      <c r="A3523" s="1">
        <v>41904</v>
      </c>
      <c r="B3523" s="2">
        <v>0.87377314814814822</v>
      </c>
      <c r="C3523">
        <v>233.16659999999999</v>
      </c>
      <c r="D3523">
        <v>466.33319999999998</v>
      </c>
    </row>
    <row r="3524" spans="1:4" x14ac:dyDescent="0.25">
      <c r="A3524" s="1">
        <v>41904</v>
      </c>
      <c r="B3524" s="2">
        <v>0.8778125</v>
      </c>
      <c r="C3524">
        <v>233.23319999999998</v>
      </c>
      <c r="D3524">
        <v>466.46639999999996</v>
      </c>
    </row>
    <row r="3525" spans="1:4" x14ac:dyDescent="0.25">
      <c r="A3525" s="1">
        <v>41904</v>
      </c>
      <c r="B3525" s="2">
        <v>0.88190972222222219</v>
      </c>
      <c r="C3525">
        <v>233.29979999999998</v>
      </c>
      <c r="D3525">
        <v>466.59959999999995</v>
      </c>
    </row>
    <row r="3526" spans="1:4" x14ac:dyDescent="0.25">
      <c r="A3526" s="1">
        <v>41904</v>
      </c>
      <c r="B3526" s="2">
        <v>0.8858449074074074</v>
      </c>
      <c r="C3526">
        <v>233.3664</v>
      </c>
      <c r="D3526">
        <v>466.7328</v>
      </c>
    </row>
    <row r="3527" spans="1:4" x14ac:dyDescent="0.25">
      <c r="A3527" s="1">
        <v>41904</v>
      </c>
      <c r="B3527" s="2">
        <v>0.88981481481481473</v>
      </c>
      <c r="C3527">
        <v>233.43299999999996</v>
      </c>
      <c r="D3527">
        <v>466.86599999999993</v>
      </c>
    </row>
    <row r="3528" spans="1:4" x14ac:dyDescent="0.25">
      <c r="A3528" s="1">
        <v>41904</v>
      </c>
      <c r="B3528" s="2">
        <v>0.89351851851851849</v>
      </c>
      <c r="C3528">
        <v>233.49959999999999</v>
      </c>
      <c r="D3528">
        <v>466.99919999999997</v>
      </c>
    </row>
    <row r="3529" spans="1:4" x14ac:dyDescent="0.25">
      <c r="A3529" s="1">
        <v>41904</v>
      </c>
      <c r="B3529" s="2">
        <v>0.89717592592592599</v>
      </c>
      <c r="C3529">
        <v>233.56619999999998</v>
      </c>
      <c r="D3529">
        <v>467.13239999999996</v>
      </c>
    </row>
    <row r="3530" spans="1:4" x14ac:dyDescent="0.25">
      <c r="A3530" s="1">
        <v>41904</v>
      </c>
      <c r="B3530" s="2">
        <v>0.90059027777777778</v>
      </c>
      <c r="C3530">
        <v>233.63279999999997</v>
      </c>
      <c r="D3530">
        <v>467.26559999999995</v>
      </c>
    </row>
    <row r="3531" spans="1:4" x14ac:dyDescent="0.25">
      <c r="A3531" s="1">
        <v>41904</v>
      </c>
      <c r="B3531" s="2">
        <v>0.90399305555555554</v>
      </c>
      <c r="C3531">
        <v>233.6994</v>
      </c>
      <c r="D3531">
        <v>467.39879999999999</v>
      </c>
    </row>
    <row r="3532" spans="1:4" x14ac:dyDescent="0.25">
      <c r="A3532" s="1">
        <v>41904</v>
      </c>
      <c r="B3532" s="2">
        <v>0.90715277777777781</v>
      </c>
      <c r="C3532">
        <v>233.76599999999996</v>
      </c>
      <c r="D3532">
        <v>467.53199999999993</v>
      </c>
    </row>
    <row r="3533" spans="1:4" x14ac:dyDescent="0.25">
      <c r="A3533" s="1">
        <v>41904</v>
      </c>
      <c r="B3533" s="2">
        <v>0.91032407407407412</v>
      </c>
      <c r="C3533">
        <v>233.83259999999999</v>
      </c>
      <c r="D3533">
        <v>467.66519999999997</v>
      </c>
    </row>
    <row r="3534" spans="1:4" x14ac:dyDescent="0.25">
      <c r="A3534" s="1">
        <v>41904</v>
      </c>
      <c r="B3534" s="2">
        <v>0.91325231481481473</v>
      </c>
      <c r="C3534">
        <v>233.89919999999998</v>
      </c>
      <c r="D3534">
        <v>467.79839999999996</v>
      </c>
    </row>
    <row r="3535" spans="1:4" x14ac:dyDescent="0.25">
      <c r="A3535" s="1">
        <v>41904</v>
      </c>
      <c r="B3535" s="2">
        <v>0.91620370370370363</v>
      </c>
      <c r="C3535">
        <v>233.9658</v>
      </c>
      <c r="D3535">
        <v>467.9316</v>
      </c>
    </row>
    <row r="3536" spans="1:4" x14ac:dyDescent="0.25">
      <c r="A3536" s="1">
        <v>41904</v>
      </c>
      <c r="B3536" s="2">
        <v>0.91899305555555555</v>
      </c>
      <c r="C3536">
        <v>234.0324</v>
      </c>
      <c r="D3536">
        <v>468.06479999999999</v>
      </c>
    </row>
    <row r="3537" spans="1:4" x14ac:dyDescent="0.25">
      <c r="A3537" s="1">
        <v>41904</v>
      </c>
      <c r="B3537" s="2">
        <v>0.92192129629629627</v>
      </c>
      <c r="C3537">
        <v>234.09899999999996</v>
      </c>
      <c r="D3537">
        <v>468.19799999999992</v>
      </c>
    </row>
    <row r="3538" spans="1:4" x14ac:dyDescent="0.25">
      <c r="A3538" s="1">
        <v>41904</v>
      </c>
      <c r="B3538" s="2">
        <v>0.92475694444444445</v>
      </c>
      <c r="C3538">
        <v>234.16559999999998</v>
      </c>
      <c r="D3538">
        <v>468.33119999999997</v>
      </c>
    </row>
    <row r="3539" spans="1:4" x14ac:dyDescent="0.25">
      <c r="A3539" s="1">
        <v>41904</v>
      </c>
      <c r="B3539" s="2">
        <v>0.92771990740740751</v>
      </c>
      <c r="C3539">
        <v>234.23219999999998</v>
      </c>
      <c r="D3539">
        <v>468.46439999999996</v>
      </c>
    </row>
    <row r="3540" spans="1:4" x14ac:dyDescent="0.25">
      <c r="A3540" s="1">
        <v>41904</v>
      </c>
      <c r="B3540" s="2">
        <v>0.93059027777777781</v>
      </c>
      <c r="C3540">
        <v>234.2988</v>
      </c>
      <c r="D3540">
        <v>468.5976</v>
      </c>
    </row>
    <row r="3541" spans="1:4" x14ac:dyDescent="0.25">
      <c r="A3541" s="1">
        <v>41904</v>
      </c>
      <c r="B3541" s="2">
        <v>0.93359953703703702</v>
      </c>
      <c r="C3541">
        <v>234.36539999999999</v>
      </c>
      <c r="D3541">
        <v>468.73079999999999</v>
      </c>
    </row>
    <row r="3542" spans="1:4" x14ac:dyDescent="0.25">
      <c r="A3542" s="1">
        <v>41904</v>
      </c>
      <c r="B3542" s="2">
        <v>0.93648148148148147</v>
      </c>
      <c r="C3542">
        <v>234.43199999999996</v>
      </c>
      <c r="D3542">
        <v>468.86399999999992</v>
      </c>
    </row>
    <row r="3543" spans="1:4" x14ac:dyDescent="0.25">
      <c r="A3543" s="1">
        <v>41904</v>
      </c>
      <c r="B3543" s="2">
        <v>0.93952546296296291</v>
      </c>
      <c r="C3543">
        <v>234.49859999999998</v>
      </c>
      <c r="D3543">
        <v>468.99719999999996</v>
      </c>
    </row>
    <row r="3544" spans="1:4" x14ac:dyDescent="0.25">
      <c r="A3544" s="1">
        <v>41904</v>
      </c>
      <c r="B3544" s="2">
        <v>0.94243055555555555</v>
      </c>
      <c r="C3544">
        <v>234.56519999999998</v>
      </c>
      <c r="D3544">
        <v>469.13039999999995</v>
      </c>
    </row>
    <row r="3545" spans="1:4" x14ac:dyDescent="0.25">
      <c r="A3545" s="1">
        <v>41904</v>
      </c>
      <c r="B3545" s="2">
        <v>0.94555555555555559</v>
      </c>
      <c r="C3545">
        <v>234.6318</v>
      </c>
      <c r="D3545">
        <v>469.2636</v>
      </c>
    </row>
    <row r="3546" spans="1:4" x14ac:dyDescent="0.25">
      <c r="A3546" s="1">
        <v>41904</v>
      </c>
      <c r="B3546" s="2">
        <v>0.94856481481481481</v>
      </c>
      <c r="C3546">
        <v>234.69839999999999</v>
      </c>
      <c r="D3546">
        <v>469.39679999999998</v>
      </c>
    </row>
    <row r="3547" spans="1:4" x14ac:dyDescent="0.25">
      <c r="A3547" s="1">
        <v>41904</v>
      </c>
      <c r="B3547" s="2">
        <v>0.9517592592592593</v>
      </c>
      <c r="C3547">
        <v>234.76499999999996</v>
      </c>
      <c r="D3547">
        <v>469.52999999999992</v>
      </c>
    </row>
    <row r="3548" spans="1:4" x14ac:dyDescent="0.25">
      <c r="A3548" s="1">
        <v>41904</v>
      </c>
      <c r="B3548" s="2">
        <v>0.95491898148148147</v>
      </c>
      <c r="C3548">
        <v>234.83159999999998</v>
      </c>
      <c r="D3548">
        <v>469.66319999999996</v>
      </c>
    </row>
    <row r="3549" spans="1:4" x14ac:dyDescent="0.25">
      <c r="A3549" s="1">
        <v>41904</v>
      </c>
      <c r="B3549" s="2">
        <v>0.95827546296296295</v>
      </c>
      <c r="C3549">
        <v>234.89819999999997</v>
      </c>
      <c r="D3549">
        <v>469.79639999999995</v>
      </c>
    </row>
    <row r="3550" spans="1:4" x14ac:dyDescent="0.25">
      <c r="A3550" s="1">
        <v>41904</v>
      </c>
      <c r="B3550" s="2">
        <v>0.96163194444444444</v>
      </c>
      <c r="C3550">
        <v>234.9648</v>
      </c>
      <c r="D3550">
        <v>469.92959999999999</v>
      </c>
    </row>
    <row r="3551" spans="1:4" x14ac:dyDescent="0.25">
      <c r="A3551" s="1">
        <v>41904</v>
      </c>
      <c r="B3551" s="2">
        <v>0.96520833333333333</v>
      </c>
      <c r="C3551">
        <v>235.03139999999999</v>
      </c>
      <c r="D3551">
        <v>470.06279999999998</v>
      </c>
    </row>
    <row r="3552" spans="1:4" x14ac:dyDescent="0.25">
      <c r="A3552" s="1">
        <v>41904</v>
      </c>
      <c r="B3552" s="2">
        <v>0.96879629629629627</v>
      </c>
      <c r="C3552">
        <v>235.09799999999998</v>
      </c>
      <c r="D3552">
        <v>470.19599999999997</v>
      </c>
    </row>
    <row r="3553" spans="1:4" x14ac:dyDescent="0.25">
      <c r="A3553" s="1">
        <v>41904</v>
      </c>
      <c r="B3553" s="2">
        <v>0.97268518518518521</v>
      </c>
      <c r="C3553">
        <v>235.16459999999998</v>
      </c>
      <c r="D3553">
        <v>470.32919999999996</v>
      </c>
    </row>
    <row r="3554" spans="1:4" x14ac:dyDescent="0.25">
      <c r="A3554" s="1">
        <v>41904</v>
      </c>
      <c r="B3554" s="2">
        <v>0.9765625</v>
      </c>
      <c r="C3554">
        <v>235.23119999999997</v>
      </c>
      <c r="D3554">
        <v>470.46239999999995</v>
      </c>
    </row>
    <row r="3555" spans="1:4" x14ac:dyDescent="0.25">
      <c r="A3555" s="1">
        <v>41904</v>
      </c>
      <c r="B3555" s="2">
        <v>0.98079861111111111</v>
      </c>
      <c r="C3555">
        <v>235.2978</v>
      </c>
      <c r="D3555">
        <v>470.59559999999999</v>
      </c>
    </row>
    <row r="3556" spans="1:4" x14ac:dyDescent="0.25">
      <c r="A3556" s="1">
        <v>41904</v>
      </c>
      <c r="B3556" s="2">
        <v>0.98503472222222221</v>
      </c>
      <c r="C3556">
        <v>235.36439999999999</v>
      </c>
      <c r="D3556">
        <v>470.72879999999998</v>
      </c>
    </row>
    <row r="3557" spans="1:4" x14ac:dyDescent="0.25">
      <c r="A3557" s="1">
        <v>41904</v>
      </c>
      <c r="B3557" s="2">
        <v>0.98964120370370379</v>
      </c>
      <c r="C3557">
        <v>235.43099999999998</v>
      </c>
      <c r="D3557">
        <v>470.86199999999997</v>
      </c>
    </row>
    <row r="3558" spans="1:4" x14ac:dyDescent="0.25">
      <c r="A3558" s="1">
        <v>41904</v>
      </c>
      <c r="B3558" s="2">
        <v>0.9942939814814814</v>
      </c>
      <c r="C3558">
        <v>235.49759999999998</v>
      </c>
      <c r="D3558">
        <v>470.99519999999995</v>
      </c>
    </row>
    <row r="3559" spans="1:4" x14ac:dyDescent="0.25">
      <c r="A3559" s="1">
        <v>41904</v>
      </c>
      <c r="B3559" s="2">
        <v>0.99935185185185194</v>
      </c>
      <c r="C3559">
        <v>235.56419999999997</v>
      </c>
      <c r="D3559">
        <v>471.12839999999994</v>
      </c>
    </row>
    <row r="3560" spans="1:4" x14ac:dyDescent="0.25">
      <c r="A3560" s="1">
        <v>41905</v>
      </c>
      <c r="B3560" s="2">
        <v>4.5370370370370365E-3</v>
      </c>
      <c r="C3560">
        <v>235.63079999999999</v>
      </c>
      <c r="D3560">
        <v>471.26159999999999</v>
      </c>
    </row>
    <row r="3561" spans="1:4" x14ac:dyDescent="0.25">
      <c r="A3561" s="1">
        <v>41905</v>
      </c>
      <c r="B3561" s="2">
        <v>1.0127314814814815E-2</v>
      </c>
      <c r="C3561">
        <v>235.69739999999999</v>
      </c>
      <c r="D3561">
        <v>471.39479999999998</v>
      </c>
    </row>
    <row r="3562" spans="1:4" x14ac:dyDescent="0.25">
      <c r="A3562" s="1">
        <v>41905</v>
      </c>
      <c r="B3562" s="2">
        <v>1.5856481481481482E-2</v>
      </c>
      <c r="C3562">
        <v>235.76399999999998</v>
      </c>
      <c r="D3562">
        <v>471.52799999999996</v>
      </c>
    </row>
    <row r="3563" spans="1:4" x14ac:dyDescent="0.25">
      <c r="A3563" s="1">
        <v>41905</v>
      </c>
      <c r="B3563" s="2">
        <v>2.2094907407407407E-2</v>
      </c>
      <c r="C3563">
        <v>235.83059999999998</v>
      </c>
      <c r="D3563">
        <v>471.66119999999995</v>
      </c>
    </row>
    <row r="3564" spans="1:4" x14ac:dyDescent="0.25">
      <c r="A3564" s="1">
        <v>41905</v>
      </c>
      <c r="B3564" s="2">
        <v>2.8414351851851847E-2</v>
      </c>
      <c r="C3564">
        <v>235.89719999999997</v>
      </c>
      <c r="D3564">
        <v>471.79439999999994</v>
      </c>
    </row>
    <row r="3565" spans="1:4" x14ac:dyDescent="0.25">
      <c r="A3565" s="1">
        <v>41905</v>
      </c>
      <c r="B3565" s="2">
        <v>3.5312500000000004E-2</v>
      </c>
      <c r="C3565">
        <v>235.96379999999999</v>
      </c>
      <c r="D3565">
        <v>471.92759999999998</v>
      </c>
    </row>
    <row r="3566" spans="1:4" x14ac:dyDescent="0.25">
      <c r="A3566" s="1">
        <v>41905</v>
      </c>
      <c r="B3566" s="2">
        <v>4.2291666666666665E-2</v>
      </c>
      <c r="C3566">
        <v>236.03039999999999</v>
      </c>
      <c r="D3566">
        <v>472.06079999999997</v>
      </c>
    </row>
    <row r="3567" spans="1:4" x14ac:dyDescent="0.25">
      <c r="A3567" s="1">
        <v>41905</v>
      </c>
      <c r="B3567" s="2">
        <v>4.9965277777777782E-2</v>
      </c>
      <c r="C3567">
        <v>236.09699999999998</v>
      </c>
      <c r="D3567">
        <v>472.19399999999996</v>
      </c>
    </row>
    <row r="3568" spans="1:4" x14ac:dyDescent="0.25">
      <c r="A3568" s="1">
        <v>41905</v>
      </c>
      <c r="B3568" s="2">
        <v>5.7800925925925929E-2</v>
      </c>
      <c r="C3568">
        <v>236.16359999999997</v>
      </c>
      <c r="D3568">
        <v>472.32719999999995</v>
      </c>
    </row>
    <row r="3569" spans="1:4" x14ac:dyDescent="0.25">
      <c r="A3569" s="1">
        <v>41905</v>
      </c>
      <c r="B3569" s="2">
        <v>6.6377314814814806E-2</v>
      </c>
      <c r="C3569">
        <v>236.2302</v>
      </c>
      <c r="D3569">
        <v>472.46039999999999</v>
      </c>
    </row>
    <row r="3570" spans="1:4" x14ac:dyDescent="0.25">
      <c r="A3570" s="1">
        <v>41905</v>
      </c>
      <c r="B3570" s="2">
        <v>7.5046296296296292E-2</v>
      </c>
      <c r="C3570">
        <v>236.29679999999999</v>
      </c>
      <c r="D3570">
        <v>472.59359999999998</v>
      </c>
    </row>
    <row r="3571" spans="1:4" x14ac:dyDescent="0.25">
      <c r="A3571" s="1">
        <v>41905</v>
      </c>
      <c r="B3571" s="2">
        <v>8.4641203703703705E-2</v>
      </c>
      <c r="C3571">
        <v>236.36339999999998</v>
      </c>
      <c r="D3571">
        <v>472.72679999999997</v>
      </c>
    </row>
    <row r="3572" spans="1:4" x14ac:dyDescent="0.25">
      <c r="A3572" s="1">
        <v>41905</v>
      </c>
      <c r="B3572" s="2">
        <v>9.4340277777777773E-2</v>
      </c>
      <c r="C3572">
        <v>236.42999999999998</v>
      </c>
      <c r="D3572">
        <v>472.85999999999996</v>
      </c>
    </row>
    <row r="3573" spans="1:4" x14ac:dyDescent="0.25">
      <c r="A3573" s="1">
        <v>41905</v>
      </c>
      <c r="B3573" s="2">
        <v>0.10489583333333334</v>
      </c>
      <c r="C3573">
        <v>236.49659999999997</v>
      </c>
      <c r="D3573">
        <v>472.99319999999994</v>
      </c>
    </row>
    <row r="3574" spans="1:4" x14ac:dyDescent="0.25">
      <c r="A3574" s="1">
        <v>41905</v>
      </c>
      <c r="B3574" s="2">
        <v>0.11557870370370371</v>
      </c>
      <c r="C3574">
        <v>236.56319999999999</v>
      </c>
      <c r="D3574">
        <v>473.12639999999999</v>
      </c>
    </row>
    <row r="3575" spans="1:4" x14ac:dyDescent="0.25">
      <c r="A3575" s="1">
        <v>41905</v>
      </c>
      <c r="B3575" s="2">
        <v>0.12726851851851853</v>
      </c>
      <c r="C3575">
        <v>236.62979999999999</v>
      </c>
      <c r="D3575">
        <v>473.25959999999998</v>
      </c>
    </row>
    <row r="3576" spans="1:4" x14ac:dyDescent="0.25">
      <c r="A3576" s="1">
        <v>41905</v>
      </c>
      <c r="B3576" s="2">
        <v>0.13916666666666666</v>
      </c>
      <c r="C3576">
        <v>236.69639999999998</v>
      </c>
      <c r="D3576">
        <v>473.39279999999997</v>
      </c>
    </row>
    <row r="3577" spans="1:4" x14ac:dyDescent="0.25">
      <c r="A3577" s="1">
        <v>41905</v>
      </c>
      <c r="B3577" s="2">
        <v>0.15225694444444446</v>
      </c>
      <c r="C3577">
        <v>236.76299999999998</v>
      </c>
      <c r="D3577">
        <v>473.52599999999995</v>
      </c>
    </row>
    <row r="3578" spans="1:4" x14ac:dyDescent="0.25">
      <c r="A3578" s="1">
        <v>41905</v>
      </c>
      <c r="B3578" s="2">
        <v>0.16564814814814813</v>
      </c>
      <c r="C3578">
        <v>236.82959999999997</v>
      </c>
      <c r="D3578">
        <v>473.65919999999994</v>
      </c>
    </row>
    <row r="3579" spans="1:4" x14ac:dyDescent="0.25">
      <c r="A3579" s="1">
        <v>41905</v>
      </c>
      <c r="B3579" s="2">
        <v>0.18038194444444444</v>
      </c>
      <c r="C3579">
        <v>236.89619999999999</v>
      </c>
      <c r="D3579">
        <v>473.79239999999999</v>
      </c>
    </row>
    <row r="3580" spans="1:4" x14ac:dyDescent="0.25">
      <c r="A3580" s="1">
        <v>41905</v>
      </c>
      <c r="B3580" s="2">
        <v>0.19525462962962961</v>
      </c>
      <c r="C3580">
        <v>236.96279999999999</v>
      </c>
      <c r="D3580">
        <v>473.92559999999997</v>
      </c>
    </row>
    <row r="3581" spans="1:4" x14ac:dyDescent="0.25">
      <c r="A3581" s="1">
        <v>41905</v>
      </c>
      <c r="B3581" s="2">
        <v>0.21164351851851851</v>
      </c>
      <c r="C3581">
        <v>237.02939999999998</v>
      </c>
      <c r="D3581">
        <v>474.05879999999996</v>
      </c>
    </row>
    <row r="3582" spans="1:4" x14ac:dyDescent="0.25">
      <c r="A3582" s="1">
        <v>41905</v>
      </c>
      <c r="B3582" s="2">
        <v>0.22820601851851852</v>
      </c>
      <c r="C3582">
        <v>237.09599999999998</v>
      </c>
      <c r="D3582">
        <v>474.19199999999995</v>
      </c>
    </row>
    <row r="3583" spans="1:4" x14ac:dyDescent="0.25">
      <c r="A3583" s="1">
        <v>41905</v>
      </c>
      <c r="B3583" s="2">
        <v>0.24659722222222222</v>
      </c>
      <c r="C3583">
        <v>237.16259999999997</v>
      </c>
      <c r="D3583">
        <v>474.32519999999994</v>
      </c>
    </row>
    <row r="3584" spans="1:4" x14ac:dyDescent="0.25">
      <c r="A3584" s="1">
        <v>41905</v>
      </c>
      <c r="B3584" s="2">
        <v>0.2653935185185185</v>
      </c>
      <c r="C3584">
        <v>237.22919999999999</v>
      </c>
      <c r="D3584">
        <v>474.45839999999998</v>
      </c>
    </row>
    <row r="3585" spans="1:4" x14ac:dyDescent="0.25">
      <c r="A3585" s="1">
        <v>41905</v>
      </c>
      <c r="B3585" s="2">
        <v>0.28607638888888892</v>
      </c>
      <c r="C3585">
        <v>237.29579999999999</v>
      </c>
      <c r="D3585">
        <v>474.59159999999997</v>
      </c>
    </row>
    <row r="3586" spans="1:4" x14ac:dyDescent="0.25">
      <c r="A3586" s="1">
        <v>41905</v>
      </c>
      <c r="B3586" s="2">
        <v>0.30711805555555555</v>
      </c>
      <c r="C3586">
        <v>237.36240000000001</v>
      </c>
      <c r="D3586">
        <v>474.72480000000002</v>
      </c>
    </row>
    <row r="3587" spans="1:4" x14ac:dyDescent="0.25">
      <c r="A3587" s="1">
        <v>41905</v>
      </c>
      <c r="B3587" s="2">
        <v>0.3298726851851852</v>
      </c>
      <c r="C3587">
        <v>237.42899999999997</v>
      </c>
      <c r="D3587">
        <v>474.85799999999995</v>
      </c>
    </row>
    <row r="3588" spans="1:4" x14ac:dyDescent="0.25">
      <c r="A3588" s="1">
        <v>41905</v>
      </c>
      <c r="B3588" s="2">
        <v>0.35300925925925924</v>
      </c>
      <c r="C3588">
        <v>237.49559999999997</v>
      </c>
      <c r="D3588">
        <v>474.99119999999994</v>
      </c>
    </row>
    <row r="3589" spans="1:4" x14ac:dyDescent="0.25">
      <c r="A3589" s="1">
        <v>41905</v>
      </c>
      <c r="B3589" s="2">
        <v>0.37859953703703703</v>
      </c>
      <c r="C3589">
        <v>237.56219999999999</v>
      </c>
      <c r="D3589">
        <v>475.12439999999998</v>
      </c>
    </row>
    <row r="3590" spans="1:4" x14ac:dyDescent="0.25">
      <c r="A3590" s="1">
        <v>41905</v>
      </c>
      <c r="B3590" s="2">
        <v>0.40415509259259258</v>
      </c>
      <c r="C3590">
        <v>237.62879999999998</v>
      </c>
      <c r="D3590">
        <v>475.25759999999997</v>
      </c>
    </row>
    <row r="3591" spans="1:4" x14ac:dyDescent="0.25">
      <c r="A3591" s="1">
        <v>41905</v>
      </c>
      <c r="B3591" s="2">
        <v>0.43214120370370374</v>
      </c>
      <c r="C3591">
        <v>237.69540000000001</v>
      </c>
      <c r="D3591">
        <v>475.39080000000001</v>
      </c>
    </row>
    <row r="3592" spans="1:4" x14ac:dyDescent="0.25">
      <c r="A3592" s="1">
        <v>41905</v>
      </c>
      <c r="B3592" s="2">
        <v>0.46023148148148146</v>
      </c>
      <c r="C3592">
        <v>237.76199999999997</v>
      </c>
      <c r="D3592">
        <v>475.52399999999994</v>
      </c>
    </row>
    <row r="3593" spans="1:4" x14ac:dyDescent="0.25">
      <c r="A3593" s="1">
        <v>41905</v>
      </c>
      <c r="B3593" s="2">
        <v>0.49079861111111112</v>
      </c>
      <c r="C3593">
        <v>237.82859999999997</v>
      </c>
      <c r="D3593">
        <v>475.65719999999993</v>
      </c>
    </row>
    <row r="3594" spans="1:4" x14ac:dyDescent="0.25">
      <c r="A3594" s="1">
        <v>41905</v>
      </c>
      <c r="B3594" s="2">
        <v>0.52189814814814817</v>
      </c>
      <c r="C3594">
        <v>237.89519999999999</v>
      </c>
      <c r="D3594">
        <v>475.79039999999998</v>
      </c>
    </row>
    <row r="3595" spans="1:4" x14ac:dyDescent="0.25">
      <c r="A3595" s="1">
        <v>41905</v>
      </c>
      <c r="B3595" s="2">
        <v>0.55494212962962963</v>
      </c>
      <c r="C3595">
        <v>237.96179999999998</v>
      </c>
      <c r="D3595">
        <v>475.92359999999996</v>
      </c>
    </row>
    <row r="3596" spans="1:4" x14ac:dyDescent="0.25">
      <c r="A3596" s="1">
        <v>41905</v>
      </c>
      <c r="B3596" s="2">
        <v>0.58910879629629631</v>
      </c>
      <c r="C3596">
        <v>238.0284</v>
      </c>
      <c r="D3596">
        <v>476.05680000000001</v>
      </c>
    </row>
    <row r="3597" spans="1:4" x14ac:dyDescent="0.25">
      <c r="A3597" s="1">
        <v>41905</v>
      </c>
      <c r="B3597" s="2">
        <v>0.62501157407407404</v>
      </c>
      <c r="C3597">
        <v>238.09499999999997</v>
      </c>
      <c r="D3597">
        <v>476.18999999999994</v>
      </c>
    </row>
    <row r="3598" spans="1:4" x14ac:dyDescent="0.25">
      <c r="A3598" s="1">
        <v>41905</v>
      </c>
      <c r="B3598" s="2">
        <v>0.66178240740740735</v>
      </c>
      <c r="C3598">
        <v>238.16159999999996</v>
      </c>
      <c r="D3598">
        <v>476.32319999999993</v>
      </c>
    </row>
    <row r="3599" spans="1:4" x14ac:dyDescent="0.25">
      <c r="A3599" s="1">
        <v>41905</v>
      </c>
      <c r="B3599" s="2">
        <v>0.70225694444444453</v>
      </c>
      <c r="C3599">
        <v>238.22819999999999</v>
      </c>
      <c r="D3599">
        <v>476.45639999999997</v>
      </c>
    </row>
    <row r="3600" spans="1:4" x14ac:dyDescent="0.25">
      <c r="A3600" s="1">
        <v>41905</v>
      </c>
      <c r="B3600" s="2">
        <v>0.74408564814814815</v>
      </c>
      <c r="C3600">
        <v>238.29479999999998</v>
      </c>
      <c r="D3600">
        <v>476.58959999999996</v>
      </c>
    </row>
    <row r="3601" spans="1:4" x14ac:dyDescent="0.25">
      <c r="A3601" s="1">
        <v>41905</v>
      </c>
      <c r="B3601" s="2">
        <v>0.79015046296296287</v>
      </c>
      <c r="C3601">
        <v>238.3614</v>
      </c>
      <c r="D3601">
        <v>476.72280000000001</v>
      </c>
    </row>
    <row r="3602" spans="1:4" x14ac:dyDescent="0.25">
      <c r="A3602" s="1">
        <v>41905</v>
      </c>
      <c r="B3602" s="2">
        <v>0.83824074074074073</v>
      </c>
      <c r="C3602">
        <v>238.42799999999997</v>
      </c>
      <c r="D3602">
        <v>476.85599999999994</v>
      </c>
    </row>
    <row r="3603" spans="1:4" x14ac:dyDescent="0.25">
      <c r="A3603" s="1">
        <v>41905</v>
      </c>
      <c r="B3603" s="2">
        <v>0.89052083333333332</v>
      </c>
      <c r="C3603">
        <v>238.49459999999996</v>
      </c>
      <c r="D3603">
        <v>476.98919999999993</v>
      </c>
    </row>
    <row r="3604" spans="1:4" x14ac:dyDescent="0.25">
      <c r="A3604" s="1">
        <v>41905</v>
      </c>
      <c r="B3604" s="2">
        <v>0.94321759259259252</v>
      </c>
      <c r="C3604">
        <v>238.56119999999999</v>
      </c>
      <c r="D3604">
        <v>477.12239999999997</v>
      </c>
    </row>
    <row r="3605" spans="1:4" x14ac:dyDescent="0.25">
      <c r="A3605" s="1">
        <v>41906</v>
      </c>
      <c r="B3605" s="2">
        <v>2.0833333333333335E-4</v>
      </c>
      <c r="C3605">
        <v>238.62779999999998</v>
      </c>
      <c r="D3605">
        <v>477.25559999999996</v>
      </c>
    </row>
    <row r="3606" spans="1:4" x14ac:dyDescent="0.25">
      <c r="A3606" s="1">
        <v>41906</v>
      </c>
      <c r="B3606" s="2">
        <v>5.7268518518518517E-2</v>
      </c>
      <c r="C3606">
        <v>238.69439999999997</v>
      </c>
      <c r="D3606">
        <v>477.38879999999995</v>
      </c>
    </row>
    <row r="3607" spans="1:4" x14ac:dyDescent="0.25">
      <c r="A3607" s="1">
        <v>41906</v>
      </c>
      <c r="B3607" s="2">
        <v>0.11917824074074074</v>
      </c>
      <c r="C3607">
        <v>238.76099999999997</v>
      </c>
      <c r="D3607">
        <v>477.52199999999993</v>
      </c>
    </row>
    <row r="3608" spans="1:4" x14ac:dyDescent="0.25">
      <c r="A3608" s="1">
        <v>41906</v>
      </c>
      <c r="B3608" s="2">
        <v>0.18179398148148149</v>
      </c>
      <c r="C3608">
        <v>238.82759999999999</v>
      </c>
      <c r="D3608">
        <v>477.65519999999998</v>
      </c>
    </row>
    <row r="3609" spans="1:4" x14ac:dyDescent="0.25">
      <c r="A3609" s="1">
        <v>41906</v>
      </c>
      <c r="B3609" s="2">
        <v>0.24960648148148148</v>
      </c>
      <c r="C3609">
        <v>238.89419999999998</v>
      </c>
      <c r="D3609">
        <v>477.78839999999997</v>
      </c>
    </row>
    <row r="3610" spans="1:4" x14ac:dyDescent="0.25">
      <c r="A3610" s="1">
        <v>41906</v>
      </c>
      <c r="B3610" s="2">
        <v>0.31657407407407406</v>
      </c>
      <c r="C3610">
        <v>238.96079999999998</v>
      </c>
      <c r="D3610">
        <v>477.92159999999996</v>
      </c>
    </row>
    <row r="3611" spans="1:4" x14ac:dyDescent="0.25">
      <c r="A3611" s="1">
        <v>41906</v>
      </c>
      <c r="B3611" s="2">
        <v>0.38740740740740742</v>
      </c>
      <c r="C3611">
        <v>239.02739999999997</v>
      </c>
      <c r="D3611">
        <v>478.05479999999994</v>
      </c>
    </row>
    <row r="3612" spans="1:4" x14ac:dyDescent="0.25">
      <c r="A3612" s="1">
        <v>41906</v>
      </c>
      <c r="B3612" s="2">
        <v>0.45863425925925921</v>
      </c>
      <c r="C3612">
        <v>239.09399999999997</v>
      </c>
      <c r="D3612">
        <v>478.18799999999993</v>
      </c>
    </row>
    <row r="3613" spans="1:4" x14ac:dyDescent="0.25">
      <c r="A3613" s="1">
        <v>41906</v>
      </c>
      <c r="B3613" s="2">
        <v>0.53342592592592586</v>
      </c>
      <c r="C3613">
        <v>239.16059999999999</v>
      </c>
      <c r="D3613">
        <v>478.32119999999998</v>
      </c>
    </row>
    <row r="3614" spans="1:4" x14ac:dyDescent="0.25">
      <c r="A3614" s="1">
        <v>41906</v>
      </c>
      <c r="B3614" s="2">
        <v>0.61144675925925929</v>
      </c>
      <c r="C3614">
        <v>239.22719999999998</v>
      </c>
      <c r="D3614">
        <v>478.45439999999996</v>
      </c>
    </row>
    <row r="3615" spans="1:4" x14ac:dyDescent="0.25">
      <c r="A3615" s="1">
        <v>41906</v>
      </c>
      <c r="B3615" s="2">
        <v>0.69496527777777783</v>
      </c>
      <c r="C3615">
        <v>239.29379999999998</v>
      </c>
      <c r="D3615">
        <v>478.58759999999995</v>
      </c>
    </row>
    <row r="3616" spans="1:4" x14ac:dyDescent="0.25">
      <c r="A3616" s="1">
        <v>41906</v>
      </c>
      <c r="B3616" s="2">
        <v>0.78233796296296287</v>
      </c>
      <c r="C3616">
        <v>239.36039999999997</v>
      </c>
      <c r="D3616">
        <v>478.72079999999994</v>
      </c>
    </row>
    <row r="3617" spans="1:4" x14ac:dyDescent="0.25">
      <c r="A3617" s="1">
        <v>41906</v>
      </c>
      <c r="B3617" s="2">
        <v>0.88366898148148154</v>
      </c>
      <c r="C3617">
        <v>239.42699999999996</v>
      </c>
      <c r="D3617">
        <v>478.85399999999993</v>
      </c>
    </row>
    <row r="3618" spans="1:4" x14ac:dyDescent="0.25">
      <c r="A3618" s="1">
        <v>41906</v>
      </c>
      <c r="B3618" s="2">
        <v>0.98605324074074074</v>
      </c>
      <c r="C3618">
        <v>239.49359999999999</v>
      </c>
      <c r="D3618">
        <v>478.98719999999997</v>
      </c>
    </row>
    <row r="3619" spans="1:4" x14ac:dyDescent="0.25">
      <c r="A3619" s="1">
        <v>41907</v>
      </c>
      <c r="B3619" s="2">
        <v>9.751157407407407E-2</v>
      </c>
      <c r="C3619">
        <v>239.56019999999998</v>
      </c>
      <c r="D3619">
        <v>479.12039999999996</v>
      </c>
    </row>
    <row r="3620" spans="1:4" x14ac:dyDescent="0.25">
      <c r="A3620" s="1">
        <v>41907</v>
      </c>
      <c r="B3620" s="2">
        <v>0.20928240740740742</v>
      </c>
      <c r="C3620">
        <v>239.62679999999997</v>
      </c>
      <c r="D3620">
        <v>479.25359999999995</v>
      </c>
    </row>
    <row r="3621" spans="1:4" x14ac:dyDescent="0.25">
      <c r="A3621" s="1">
        <v>41907</v>
      </c>
      <c r="B3621" s="2">
        <v>0.32944444444444443</v>
      </c>
      <c r="C3621">
        <v>239.69339999999997</v>
      </c>
      <c r="D3621">
        <v>479.38679999999994</v>
      </c>
    </row>
    <row r="3622" spans="1:4" x14ac:dyDescent="0.25">
      <c r="A3622" s="1">
        <v>41907</v>
      </c>
      <c r="B3622" s="2">
        <v>0.45116898148148149</v>
      </c>
      <c r="C3622">
        <v>239.75999999999996</v>
      </c>
      <c r="D3622">
        <v>479.51999999999992</v>
      </c>
    </row>
    <row r="3623" spans="1:4" x14ac:dyDescent="0.25">
      <c r="A3623" s="1">
        <v>41907</v>
      </c>
      <c r="B3623" s="2">
        <v>0.55960648148148151</v>
      </c>
      <c r="C3623">
        <v>239.82659999999998</v>
      </c>
      <c r="D3623">
        <v>479.65319999999997</v>
      </c>
    </row>
    <row r="3624" spans="1:4" x14ac:dyDescent="0.25">
      <c r="A3624" s="1">
        <v>41907</v>
      </c>
      <c r="B3624" s="2">
        <v>0.69210648148148157</v>
      </c>
      <c r="C3624">
        <v>239.89319999999998</v>
      </c>
      <c r="D3624">
        <v>479.78639999999996</v>
      </c>
    </row>
    <row r="3625" spans="1:4" x14ac:dyDescent="0.25">
      <c r="A3625" s="1">
        <v>41907</v>
      </c>
      <c r="B3625" s="2">
        <v>0.83478009259259256</v>
      </c>
      <c r="C3625">
        <v>239.9598</v>
      </c>
      <c r="D3625">
        <v>479.9196</v>
      </c>
    </row>
    <row r="3626" spans="1:4" x14ac:dyDescent="0.25">
      <c r="A3626" s="1">
        <v>41907</v>
      </c>
      <c r="B3626" s="2">
        <v>0.98215277777777776</v>
      </c>
      <c r="C3626">
        <v>240.02639999999997</v>
      </c>
      <c r="D3626">
        <v>480.05279999999993</v>
      </c>
    </row>
    <row r="3627" spans="1:4" x14ac:dyDescent="0.25">
      <c r="A3627" s="1">
        <v>41908</v>
      </c>
      <c r="B3627" s="2">
        <v>0.1439236111111111</v>
      </c>
      <c r="C3627">
        <v>240.09299999999996</v>
      </c>
      <c r="D3627">
        <v>480.18599999999992</v>
      </c>
    </row>
    <row r="3628" spans="1:4" x14ac:dyDescent="0.25">
      <c r="A3628" s="1">
        <v>41908</v>
      </c>
      <c r="B3628" s="2">
        <v>0.30350694444444443</v>
      </c>
      <c r="C3628">
        <v>240.15959999999998</v>
      </c>
      <c r="D3628">
        <v>480.31919999999997</v>
      </c>
    </row>
    <row r="3629" spans="1:4" x14ac:dyDescent="0.25">
      <c r="A3629" s="1">
        <v>41908</v>
      </c>
      <c r="B3629" s="2">
        <v>0.47228009259259257</v>
      </c>
      <c r="C3629">
        <v>240.22619999999998</v>
      </c>
      <c r="D3629">
        <v>480.45239999999995</v>
      </c>
    </row>
    <row r="3630" spans="1:4" x14ac:dyDescent="0.25">
      <c r="A3630" s="1">
        <v>41908</v>
      </c>
      <c r="B3630" s="2">
        <v>0.6278125</v>
      </c>
      <c r="C3630">
        <v>240.2928</v>
      </c>
      <c r="D3630">
        <v>480.5856</v>
      </c>
    </row>
    <row r="3631" spans="1:4" x14ac:dyDescent="0.25">
      <c r="A3631" s="1">
        <v>41908</v>
      </c>
      <c r="B3631" s="2">
        <v>0.79561342592592599</v>
      </c>
      <c r="C3631">
        <v>240.35939999999997</v>
      </c>
      <c r="D3631">
        <v>480.71879999999993</v>
      </c>
    </row>
    <row r="3632" spans="1:4" x14ac:dyDescent="0.25">
      <c r="A3632" s="1">
        <v>41908</v>
      </c>
      <c r="B3632" s="2">
        <v>0.96996527777777775</v>
      </c>
      <c r="C3632">
        <v>240.42599999999996</v>
      </c>
      <c r="D3632">
        <v>480.85199999999992</v>
      </c>
    </row>
    <row r="3633" spans="1:4" x14ac:dyDescent="0.25">
      <c r="A3633" s="1">
        <v>41909</v>
      </c>
      <c r="B3633" s="2">
        <v>0.15312499999999998</v>
      </c>
      <c r="C3633">
        <v>240.49259999999998</v>
      </c>
      <c r="D3633">
        <v>480.98519999999996</v>
      </c>
    </row>
    <row r="3634" spans="1:4" x14ac:dyDescent="0.25">
      <c r="A3634" s="1">
        <v>41909</v>
      </c>
      <c r="B3634" s="2">
        <v>0.3253819444444444</v>
      </c>
      <c r="C3634">
        <v>240.55919999999998</v>
      </c>
      <c r="D3634">
        <v>481.11839999999995</v>
      </c>
    </row>
    <row r="3635" spans="1:4" x14ac:dyDescent="0.25">
      <c r="A3635" s="1">
        <v>41909</v>
      </c>
      <c r="B3635" s="2">
        <v>0.49857638888888894</v>
      </c>
      <c r="C3635">
        <v>240.6258</v>
      </c>
      <c r="D3635">
        <v>481.2516</v>
      </c>
    </row>
    <row r="3636" spans="1:4" x14ac:dyDescent="0.25">
      <c r="A3636" s="1">
        <v>41909</v>
      </c>
      <c r="B3636" s="2">
        <v>0.67160879629629633</v>
      </c>
      <c r="C3636">
        <v>240.69239999999996</v>
      </c>
      <c r="D3636">
        <v>481.38479999999993</v>
      </c>
    </row>
    <row r="3637" spans="1:4" x14ac:dyDescent="0.25">
      <c r="A3637" s="1">
        <v>41909</v>
      </c>
      <c r="B3637" s="2">
        <v>0.8545949074074074</v>
      </c>
      <c r="C3637">
        <v>240.75899999999996</v>
      </c>
      <c r="D3637">
        <v>481.51799999999992</v>
      </c>
    </row>
    <row r="3638" spans="1:4" x14ac:dyDescent="0.25">
      <c r="A3638" s="1">
        <v>41910</v>
      </c>
      <c r="B3638" s="2">
        <v>4.2581018518518525E-2</v>
      </c>
      <c r="C3638">
        <v>240.82559999999998</v>
      </c>
      <c r="D3638">
        <v>481.65119999999996</v>
      </c>
    </row>
    <row r="3639" spans="1:4" x14ac:dyDescent="0.25">
      <c r="A3639" s="1">
        <v>41910</v>
      </c>
      <c r="B3639" s="2">
        <v>0.23880787037037035</v>
      </c>
      <c r="C3639">
        <v>240.89219999999997</v>
      </c>
      <c r="D3639">
        <v>481.78439999999995</v>
      </c>
    </row>
    <row r="3640" spans="1:4" x14ac:dyDescent="0.25">
      <c r="A3640" s="1">
        <v>41910</v>
      </c>
      <c r="B3640" s="2">
        <v>0.42476851851851855</v>
      </c>
      <c r="C3640">
        <v>240.9588</v>
      </c>
      <c r="D3640">
        <v>481.91759999999999</v>
      </c>
    </row>
    <row r="3641" spans="1:4" x14ac:dyDescent="0.25">
      <c r="A3641" s="1">
        <v>41910</v>
      </c>
      <c r="B3641" s="2">
        <v>0.60130787037037037</v>
      </c>
      <c r="C3641">
        <v>241.02539999999996</v>
      </c>
      <c r="D3641">
        <v>482.05079999999992</v>
      </c>
    </row>
    <row r="3642" spans="1:4" x14ac:dyDescent="0.25">
      <c r="A3642" s="1">
        <v>41910</v>
      </c>
      <c r="B3642" s="2">
        <v>0.79481481481481486</v>
      </c>
      <c r="C3642">
        <v>241.09199999999998</v>
      </c>
      <c r="D3642">
        <v>482.18399999999997</v>
      </c>
    </row>
    <row r="3643" spans="1:4" x14ac:dyDescent="0.25">
      <c r="A3643" s="1">
        <v>41911</v>
      </c>
      <c r="B3643" s="2">
        <v>4.4560185185185189E-3</v>
      </c>
      <c r="C3643">
        <v>241.15859999999998</v>
      </c>
      <c r="D3643">
        <v>482.31719999999996</v>
      </c>
    </row>
    <row r="3644" spans="1:4" x14ac:dyDescent="0.25">
      <c r="A3644" s="1">
        <v>41911</v>
      </c>
      <c r="B3644" s="2">
        <v>0.21376157407407406</v>
      </c>
      <c r="C3644">
        <v>241.22519999999997</v>
      </c>
      <c r="D3644">
        <v>482.45039999999995</v>
      </c>
    </row>
    <row r="3645" spans="1:4" x14ac:dyDescent="0.25">
      <c r="A3645" s="1">
        <v>41911</v>
      </c>
      <c r="B3645" s="2">
        <v>0.40650462962962958</v>
      </c>
      <c r="C3645">
        <v>241.22519999999997</v>
      </c>
      <c r="D3645">
        <v>482.45039999999995</v>
      </c>
    </row>
  </sheetData>
  <pageMargins left="0.7" right="0.7" top="0.75" bottom="0.75" header="0.3" footer="0.3"/>
  <pageSetup paperSize="9" orientation="portrait" r:id="rId1"/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1</vt:i4>
      </vt:variant>
    </vt:vector>
  </HeadingPairs>
  <TitlesOfParts>
    <vt:vector size="1" baseType="lpstr">
      <vt:lpstr>Lizimeter</vt:lpstr>
    </vt:vector>
  </TitlesOfParts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HuchoHucho</dc:creator>
  <cp:lastModifiedBy>HuchoHucho</cp:lastModifiedBy>
  <cp:lastPrinted>2014-10-20T14:03:25Z</cp:lastPrinted>
  <dcterms:created xsi:type="dcterms:W3CDTF">2014-10-16T09:49:25Z</dcterms:created>
  <dcterms:modified xsi:type="dcterms:W3CDTF">2014-10-30T11:46:56Z</dcterms:modified>
</cp:coreProperties>
</file>